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mc:AlternateContent xmlns:mc="http://schemas.openxmlformats.org/markup-compatibility/2006">
    <mc:Choice Requires="x15">
      <x15ac:absPath xmlns:x15ac="http://schemas.microsoft.com/office/spreadsheetml/2010/11/ac" url="\\kfs01\s1469\10_R05\03_工業技術・継承課\チャレンジプロダクト\★企業実習ホームページ新設\企業実習説明資料\HP掲載用\"/>
    </mc:Choice>
  </mc:AlternateContent>
  <bookViews>
    <workbookView xWindow="240" yWindow="15" windowWidth="14940" windowHeight="9450"/>
  </bookViews>
  <sheets>
    <sheet name="別紙１（委託計画書）" sheetId="51" r:id="rId1"/>
    <sheet name="別紙１（就労計画書）(1)" sheetId="54" r:id="rId2"/>
    <sheet name="別紙１（就労計画書） (2)" sheetId="59" r:id="rId3"/>
    <sheet name="別紙２（出勤状況 ）" sheetId="52" r:id="rId4"/>
    <sheet name="別紙２（出勤状況 ） (2)" sheetId="55" r:id="rId5"/>
    <sheet name="別紙２（出勤状況 ） (3)" sheetId="57" r:id="rId6"/>
    <sheet name="別紙３（日誌）" sheetId="38" r:id="rId7"/>
    <sheet name="別紙４（職業能力証明シート）" sheetId="58" r:id="rId8"/>
    <sheet name="別紙５（災害時連絡網）" sheetId="25" r:id="rId9"/>
  </sheets>
  <definedNames>
    <definedName name="_Key1" localSheetId="2" hidden="1">#REF!</definedName>
    <definedName name="_Key1" localSheetId="7" hidden="1">#REF!</definedName>
    <definedName name="_Key1" hidden="1">#REF!</definedName>
    <definedName name="_Key2" localSheetId="2" hidden="1">#REF!</definedName>
    <definedName name="_Key2" localSheetId="7" hidden="1">#REF!</definedName>
    <definedName name="_Key2" hidden="1">#REF!</definedName>
    <definedName name="_Order1" hidden="1">255</definedName>
    <definedName name="_Order2" hidden="1">255</definedName>
    <definedName name="_Sort" localSheetId="2" hidden="1">#REF!</definedName>
    <definedName name="_Sort" localSheetId="7" hidden="1">#REF!</definedName>
    <definedName name="_Sort" hidden="1">#REF!</definedName>
    <definedName name="Esub一覧" localSheetId="2" hidden="1">#REF!</definedName>
    <definedName name="Esub一覧" localSheetId="7" hidden="1">#REF!</definedName>
    <definedName name="Esub一覧" hidden="1">#REF!</definedName>
    <definedName name="ＨＵＵ" localSheetId="2" hidden="1">#REF!</definedName>
    <definedName name="ＨＵＵ" localSheetId="7" hidden="1">#REF!</definedName>
    <definedName name="ＨＵＵ" hidden="1">#REF!</definedName>
    <definedName name="_xlnm.Print_Area" localSheetId="0">'別紙１（委託計画書）'!$A$1:$J$29</definedName>
    <definedName name="_xlnm.Print_Area" localSheetId="2">'別紙１（就労計画書） (2)'!$A$1:$J$29</definedName>
    <definedName name="_xlnm.Print_Area" localSheetId="1">'別紙１（就労計画書）(1)'!$A$1:$J$29</definedName>
    <definedName name="_xlnm.Print_Area" localSheetId="8">'別紙５（災害時連絡網）'!$A$1:$J$49</definedName>
    <definedName name="あ" localSheetId="2" hidden="1">#REF!</definedName>
    <definedName name="あ" localSheetId="7" hidden="1">#REF!</definedName>
    <definedName name="あ" hidden="1">#REF!</definedName>
  </definedNames>
  <calcPr calcId="162913"/>
</workbook>
</file>

<file path=xl/calcChain.xml><?xml version="1.0" encoding="utf-8"?>
<calcChain xmlns="http://schemas.openxmlformats.org/spreadsheetml/2006/main">
  <c r="B20" i="38" l="1"/>
</calcChain>
</file>

<file path=xl/sharedStrings.xml><?xml version="1.0" encoding="utf-8"?>
<sst xmlns="http://schemas.openxmlformats.org/spreadsheetml/2006/main" count="644" uniqueCount="161">
  <si>
    <t>所在地</t>
    <rPh sb="0" eb="3">
      <t>ショザイチ</t>
    </rPh>
    <phoneticPr fontId="2"/>
  </si>
  <si>
    <t>訓練内容</t>
    <rPh sb="0" eb="2">
      <t>クンレン</t>
    </rPh>
    <rPh sb="2" eb="4">
      <t>ナイヨウ</t>
    </rPh>
    <phoneticPr fontId="2"/>
  </si>
  <si>
    <t>受入人数</t>
    <rPh sb="0" eb="2">
      <t>ウケイレ</t>
    </rPh>
    <rPh sb="2" eb="4">
      <t>ニンズウ</t>
    </rPh>
    <phoneticPr fontId="2"/>
  </si>
  <si>
    <t>担当者</t>
    <rPh sb="0" eb="3">
      <t>タントウシャ</t>
    </rPh>
    <phoneticPr fontId="2"/>
  </si>
  <si>
    <t>（１）企業</t>
    <rPh sb="3" eb="5">
      <t>キギョウ</t>
    </rPh>
    <phoneticPr fontId="2"/>
  </si>
  <si>
    <t>実習内容</t>
    <rPh sb="0" eb="2">
      <t>ジッシュウ</t>
    </rPh>
    <rPh sb="2" eb="4">
      <t>ナイヨウ</t>
    </rPh>
    <phoneticPr fontId="2"/>
  </si>
  <si>
    <t>訓練日</t>
    <rPh sb="0" eb="2">
      <t>クンレン</t>
    </rPh>
    <rPh sb="2" eb="3">
      <t>ビ</t>
    </rPh>
    <phoneticPr fontId="2"/>
  </si>
  <si>
    <t>時間</t>
    <rPh sb="0" eb="2">
      <t>ジカン</t>
    </rPh>
    <phoneticPr fontId="2"/>
  </si>
  <si>
    <t>企業担当名</t>
    <rPh sb="0" eb="2">
      <t>キギョウ</t>
    </rPh>
    <rPh sb="2" eb="4">
      <t>タントウ</t>
    </rPh>
    <rPh sb="4" eb="5">
      <t>メイ</t>
    </rPh>
    <phoneticPr fontId="2"/>
  </si>
  <si>
    <t>技術校生名</t>
    <rPh sb="0" eb="2">
      <t>ギジュツ</t>
    </rPh>
    <rPh sb="2" eb="3">
      <t>コウ</t>
    </rPh>
    <rPh sb="3" eb="4">
      <t>ショウ</t>
    </rPh>
    <rPh sb="4" eb="5">
      <t>メイ</t>
    </rPh>
    <phoneticPr fontId="2"/>
  </si>
  <si>
    <t>名</t>
    <rPh sb="0" eb="1">
      <t>メイ</t>
    </rPh>
    <phoneticPr fontId="2"/>
  </si>
  <si>
    <t>・訓練期間中の技術校生のケガ</t>
    <rPh sb="1" eb="3">
      <t>クンレン</t>
    </rPh>
    <rPh sb="3" eb="5">
      <t>キカン</t>
    </rPh>
    <rPh sb="5" eb="6">
      <t>チュウ</t>
    </rPh>
    <rPh sb="7" eb="9">
      <t>ギジュツ</t>
    </rPh>
    <rPh sb="9" eb="10">
      <t>コウ</t>
    </rPh>
    <rPh sb="10" eb="11">
      <t>セイ</t>
    </rPh>
    <phoneticPr fontId="2"/>
  </si>
  <si>
    <t>・訓練期間中の工場の災害</t>
    <rPh sb="1" eb="3">
      <t>クンレン</t>
    </rPh>
    <rPh sb="3" eb="6">
      <t>キカンチュウ</t>
    </rPh>
    <rPh sb="7" eb="9">
      <t>コウジョウ</t>
    </rPh>
    <rPh sb="10" eb="12">
      <t>サイガイ</t>
    </rPh>
    <phoneticPr fontId="2"/>
  </si>
  <si>
    <t>・その他、緊急を要するとき</t>
    <rPh sb="3" eb="4">
      <t>タ</t>
    </rPh>
    <rPh sb="5" eb="7">
      <t>キンキュウ</t>
    </rPh>
    <rPh sb="8" eb="9">
      <t>ヨウ</t>
    </rPh>
    <phoneticPr fontId="2"/>
  </si>
  <si>
    <t>企業実習訓練計画書（委託型実習・就労型実習）</t>
    <rPh sb="0" eb="2">
      <t>キギョウ</t>
    </rPh>
    <rPh sb="2" eb="4">
      <t>ジッシュウ</t>
    </rPh>
    <rPh sb="4" eb="6">
      <t>クンレン</t>
    </rPh>
    <rPh sb="6" eb="9">
      <t>ケイカクショ</t>
    </rPh>
    <rPh sb="10" eb="12">
      <t>イタク</t>
    </rPh>
    <rPh sb="12" eb="13">
      <t>ガタ</t>
    </rPh>
    <rPh sb="13" eb="15">
      <t>ジッシュウ</t>
    </rPh>
    <rPh sb="16" eb="18">
      <t>シュウロウ</t>
    </rPh>
    <rPh sb="18" eb="19">
      <t>ガタ</t>
    </rPh>
    <rPh sb="19" eb="21">
      <t>ジッシュウ</t>
    </rPh>
    <phoneticPr fontId="2"/>
  </si>
  <si>
    <t>日</t>
  </si>
  <si>
    <t>火</t>
  </si>
  <si>
    <t>金</t>
  </si>
  <si>
    <t>月</t>
  </si>
  <si>
    <t>水</t>
  </si>
  <si>
    <t>土</t>
  </si>
  <si>
    <t>木</t>
  </si>
  <si>
    <t>月　日</t>
    <rPh sb="0" eb="1">
      <t>ツキ</t>
    </rPh>
    <rPh sb="2" eb="3">
      <t>ヒ</t>
    </rPh>
    <phoneticPr fontId="2"/>
  </si>
  <si>
    <t>　　　　　月　　　　　日　　（　　　　曜日　）</t>
    <rPh sb="5" eb="6">
      <t>ツキ</t>
    </rPh>
    <rPh sb="11" eb="12">
      <t>ニチ</t>
    </rPh>
    <rPh sb="19" eb="21">
      <t>ヨウビ</t>
    </rPh>
    <phoneticPr fontId="2"/>
  </si>
  <si>
    <t>企業担当者確認印</t>
    <rPh sb="0" eb="2">
      <t>キギョウ</t>
    </rPh>
    <rPh sb="2" eb="5">
      <t>タントウシャ</t>
    </rPh>
    <rPh sb="5" eb="7">
      <t>カクニン</t>
    </rPh>
    <rPh sb="7" eb="8">
      <t>イン</t>
    </rPh>
    <phoneticPr fontId="2"/>
  </si>
  <si>
    <t>主な実習内容</t>
    <rPh sb="0" eb="1">
      <t>オモ</t>
    </rPh>
    <rPh sb="2" eb="4">
      <t>ジッシュウ</t>
    </rPh>
    <rPh sb="4" eb="6">
      <t>ナイヨウ</t>
    </rPh>
    <phoneticPr fontId="2"/>
  </si>
  <si>
    <t>午　前</t>
    <rPh sb="0" eb="1">
      <t>ウマ</t>
    </rPh>
    <rPh sb="2" eb="3">
      <t>マエ</t>
    </rPh>
    <phoneticPr fontId="2"/>
  </si>
  <si>
    <t>午　後</t>
    <rPh sb="0" eb="1">
      <t>ウマ</t>
    </rPh>
    <rPh sb="2" eb="3">
      <t>アト</t>
    </rPh>
    <phoneticPr fontId="2"/>
  </si>
  <si>
    <t>学んだこと、
反省点、感想等</t>
    <rPh sb="0" eb="1">
      <t>マナ</t>
    </rPh>
    <rPh sb="7" eb="9">
      <t>ハンセイ</t>
    </rPh>
    <rPh sb="9" eb="10">
      <t>テン</t>
    </rPh>
    <rPh sb="11" eb="13">
      <t>カンソウ</t>
    </rPh>
    <rPh sb="13" eb="14">
      <t>トウ</t>
    </rPh>
    <phoneticPr fontId="2"/>
  </si>
  <si>
    <t>技術校生：</t>
    <rPh sb="0" eb="2">
      <t>ギジュツ</t>
    </rPh>
    <rPh sb="2" eb="3">
      <t>コウ</t>
    </rPh>
    <rPh sb="3" eb="4">
      <t>ショウ</t>
    </rPh>
    <phoneticPr fontId="2"/>
  </si>
  <si>
    <t>出社時間</t>
    <rPh sb="0" eb="2">
      <t>シュッシャ</t>
    </rPh>
    <rPh sb="2" eb="4">
      <t>ジカン</t>
    </rPh>
    <phoneticPr fontId="2"/>
  </si>
  <si>
    <t>退社時間</t>
    <rPh sb="0" eb="2">
      <t>タイシャ</t>
    </rPh>
    <rPh sb="2" eb="4">
      <t>ジカン</t>
    </rPh>
    <phoneticPr fontId="2"/>
  </si>
  <si>
    <t>担当者確認欄</t>
    <rPh sb="0" eb="3">
      <t>タントウシャ</t>
    </rPh>
    <rPh sb="3" eb="5">
      <t>カクニン</t>
    </rPh>
    <rPh sb="5" eb="6">
      <t>ラン</t>
    </rPh>
    <phoneticPr fontId="2"/>
  </si>
  <si>
    <t>特記事項</t>
    <rPh sb="0" eb="2">
      <t>トッキ</t>
    </rPh>
    <rPh sb="2" eb="4">
      <t>ジコウ</t>
    </rPh>
    <phoneticPr fontId="2"/>
  </si>
  <si>
    <t>　　　時　 　　　分　</t>
    <rPh sb="3" eb="4">
      <t>ジ</t>
    </rPh>
    <rPh sb="9" eb="10">
      <t>フン</t>
    </rPh>
    <phoneticPr fontId="2"/>
  </si>
  <si>
    <t>※　担当者確認欄には訓練担当者がサイン等を記入してください</t>
    <rPh sb="2" eb="5">
      <t>タントウシャ</t>
    </rPh>
    <rPh sb="5" eb="7">
      <t>カクニン</t>
    </rPh>
    <rPh sb="7" eb="8">
      <t>ラン</t>
    </rPh>
    <rPh sb="10" eb="12">
      <t>クンレン</t>
    </rPh>
    <rPh sb="12" eb="15">
      <t>タントウシャ</t>
    </rPh>
    <rPh sb="19" eb="20">
      <t>トウ</t>
    </rPh>
    <rPh sb="21" eb="23">
      <t>キニュウ</t>
    </rPh>
    <phoneticPr fontId="2"/>
  </si>
  <si>
    <t>※　この用紙はタイムカード等、勤務時間が確認できるものに変更することができます</t>
    <rPh sb="4" eb="6">
      <t>ヨウシ</t>
    </rPh>
    <rPh sb="13" eb="14">
      <t>トウ</t>
    </rPh>
    <rPh sb="15" eb="17">
      <t>キンム</t>
    </rPh>
    <rPh sb="17" eb="19">
      <t>ジカン</t>
    </rPh>
    <rPh sb="20" eb="22">
      <t>カクニン</t>
    </rPh>
    <rPh sb="28" eb="30">
      <t>ヘンコウ</t>
    </rPh>
    <phoneticPr fontId="2"/>
  </si>
  <si>
    <t>実習先企業名：</t>
    <phoneticPr fontId="2"/>
  </si>
  <si>
    <t>区分</t>
    <rPh sb="0" eb="2">
      <t>クブン</t>
    </rPh>
    <phoneticPr fontId="2"/>
  </si>
  <si>
    <t>自己評価</t>
    <rPh sb="0" eb="2">
      <t>ジコ</t>
    </rPh>
    <rPh sb="2" eb="4">
      <t>ヒョウカ</t>
    </rPh>
    <phoneticPr fontId="2"/>
  </si>
  <si>
    <t>企業評価</t>
    <rPh sb="0" eb="2">
      <t>キギョウ</t>
    </rPh>
    <rPh sb="2" eb="4">
      <t>ヒョウカ</t>
    </rPh>
    <phoneticPr fontId="2"/>
  </si>
  <si>
    <t>（２）技術校</t>
    <rPh sb="3" eb="5">
      <t>ギジュツ</t>
    </rPh>
    <rPh sb="5" eb="6">
      <t>コウ</t>
    </rPh>
    <phoneticPr fontId="2"/>
  </si>
  <si>
    <r>
      <t>企業担当者記入欄</t>
    </r>
    <r>
      <rPr>
        <sz val="11"/>
        <rFont val="ＭＳ Ｐゴシック"/>
        <family val="3"/>
        <charset val="128"/>
      </rPr>
      <t xml:space="preserve">
（能力習得状況、実施状況
指導の記録、アドバイス等）</t>
    </r>
    <rPh sb="0" eb="2">
      <t>キギョウ</t>
    </rPh>
    <rPh sb="2" eb="5">
      <t>タントウシャ</t>
    </rPh>
    <rPh sb="5" eb="7">
      <t>キニュウ</t>
    </rPh>
    <rPh sb="7" eb="8">
      <t>ラン</t>
    </rPh>
    <rPh sb="10" eb="12">
      <t>ノウリョク</t>
    </rPh>
    <rPh sb="12" eb="14">
      <t>シュウトク</t>
    </rPh>
    <rPh sb="14" eb="16">
      <t>ジョウキョウ</t>
    </rPh>
    <rPh sb="17" eb="19">
      <t>ジッシ</t>
    </rPh>
    <rPh sb="19" eb="21">
      <t>ジョウキョウ</t>
    </rPh>
    <rPh sb="22" eb="24">
      <t>シドウ</t>
    </rPh>
    <rPh sb="25" eb="27">
      <t>キロク</t>
    </rPh>
    <rPh sb="33" eb="34">
      <t>ナド</t>
    </rPh>
    <phoneticPr fontId="2"/>
  </si>
  <si>
    <t>企 業 名</t>
    <rPh sb="0" eb="1">
      <t>クワダ</t>
    </rPh>
    <rPh sb="2" eb="3">
      <t>ギョウ</t>
    </rPh>
    <rPh sb="4" eb="5">
      <t>メイ</t>
    </rPh>
    <phoneticPr fontId="2"/>
  </si>
  <si>
    <t>Ⅰ　企業実習・ＯＪＴ期間内における職務内容</t>
    <rPh sb="2" eb="4">
      <t>キギョウ</t>
    </rPh>
    <rPh sb="4" eb="6">
      <t>ジッシュウ</t>
    </rPh>
    <rPh sb="10" eb="13">
      <t>キカンナイ</t>
    </rPh>
    <rPh sb="17" eb="19">
      <t>ショクム</t>
    </rPh>
    <rPh sb="19" eb="21">
      <t>ナイヨウ</t>
    </rPh>
    <phoneticPr fontId="2"/>
  </si>
  <si>
    <t>期　　　　間</t>
    <rPh sb="0" eb="1">
      <t>キ</t>
    </rPh>
    <rPh sb="5" eb="6">
      <t>アイダ</t>
    </rPh>
    <phoneticPr fontId="2"/>
  </si>
  <si>
    <t>能力ユニット</t>
    <rPh sb="0" eb="2">
      <t>ノウリョク</t>
    </rPh>
    <phoneticPr fontId="2"/>
  </si>
  <si>
    <t>職　務　遂　行　の　た　め　の　基　準</t>
    <rPh sb="0" eb="1">
      <t>ショク</t>
    </rPh>
    <rPh sb="2" eb="3">
      <t>ツトム</t>
    </rPh>
    <rPh sb="4" eb="5">
      <t>ヤスシ</t>
    </rPh>
    <rPh sb="6" eb="7">
      <t>ギョウ</t>
    </rPh>
    <rPh sb="16" eb="17">
      <t>モト</t>
    </rPh>
    <rPh sb="18" eb="19">
      <t>ジュン</t>
    </rPh>
    <phoneticPr fontId="2"/>
  </si>
  <si>
    <t>A</t>
    <phoneticPr fontId="2"/>
  </si>
  <si>
    <t>B</t>
    <phoneticPr fontId="2"/>
  </si>
  <si>
    <t>　(総評・コメント)</t>
    <rPh sb="2" eb="4">
      <t>ソウヒョウ</t>
    </rPh>
    <phoneticPr fontId="2"/>
  </si>
  <si>
    <t>災害発生時の連絡網</t>
  </si>
  <si>
    <t>令和元年10月生　西部総合職業技術校　チャレンジプロダクトコース　企業実習出席簿</t>
    <rPh sb="0" eb="2">
      <t>レイワ</t>
    </rPh>
    <rPh sb="2" eb="3">
      <t>ガン</t>
    </rPh>
    <phoneticPr fontId="2"/>
  </si>
  <si>
    <t>８月</t>
    <rPh sb="1" eb="2">
      <t>ガツ</t>
    </rPh>
    <phoneticPr fontId="2"/>
  </si>
  <si>
    <t>１８日</t>
    <rPh sb="2" eb="3">
      <t>ニチ</t>
    </rPh>
    <phoneticPr fontId="2"/>
  </si>
  <si>
    <t>１９日</t>
    <rPh sb="2" eb="3">
      <t>ニチ</t>
    </rPh>
    <phoneticPr fontId="2"/>
  </si>
  <si>
    <t>２０日</t>
    <rPh sb="2" eb="3">
      <t>ニチ</t>
    </rPh>
    <phoneticPr fontId="2"/>
  </si>
  <si>
    <t>２１日</t>
    <rPh sb="2" eb="3">
      <t>ニチ</t>
    </rPh>
    <phoneticPr fontId="2"/>
  </si>
  <si>
    <t>２２日</t>
    <rPh sb="2" eb="3">
      <t>ニチ</t>
    </rPh>
    <phoneticPr fontId="2"/>
  </si>
  <si>
    <t>２３日</t>
    <rPh sb="2" eb="3">
      <t>ニチ</t>
    </rPh>
    <phoneticPr fontId="2"/>
  </si>
  <si>
    <t>２４日</t>
    <rPh sb="2" eb="3">
      <t>ニチ</t>
    </rPh>
    <phoneticPr fontId="2"/>
  </si>
  <si>
    <t>２５日</t>
    <rPh sb="2" eb="3">
      <t>ニチ</t>
    </rPh>
    <phoneticPr fontId="2"/>
  </si>
  <si>
    <t>２６日</t>
    <rPh sb="2" eb="3">
      <t>ニチ</t>
    </rPh>
    <phoneticPr fontId="2"/>
  </si>
  <si>
    <t>２７日</t>
    <rPh sb="2" eb="3">
      <t>ニチ</t>
    </rPh>
    <phoneticPr fontId="2"/>
  </si>
  <si>
    <t>２８日</t>
    <rPh sb="2" eb="3">
      <t>ニチ</t>
    </rPh>
    <phoneticPr fontId="2"/>
  </si>
  <si>
    <t>２９日</t>
    <rPh sb="2" eb="3">
      <t>ニチ</t>
    </rPh>
    <phoneticPr fontId="2"/>
  </si>
  <si>
    <t>３０日</t>
    <rPh sb="2" eb="3">
      <t>ニチ</t>
    </rPh>
    <phoneticPr fontId="2"/>
  </si>
  <si>
    <t>３１日</t>
    <rPh sb="2" eb="3">
      <t>ニチ</t>
    </rPh>
    <phoneticPr fontId="2"/>
  </si>
  <si>
    <t>９月</t>
    <rPh sb="1" eb="2">
      <t>ガツ</t>
    </rPh>
    <phoneticPr fontId="2"/>
  </si>
  <si>
    <t>１日</t>
    <rPh sb="1" eb="2">
      <t>ニチ</t>
    </rPh>
    <phoneticPr fontId="2"/>
  </si>
  <si>
    <t>２日</t>
    <rPh sb="1" eb="2">
      <t>ニチ</t>
    </rPh>
    <phoneticPr fontId="2"/>
  </si>
  <si>
    <t>３日</t>
    <rPh sb="1" eb="2">
      <t>ニチ</t>
    </rPh>
    <phoneticPr fontId="2"/>
  </si>
  <si>
    <t>４日</t>
    <rPh sb="1" eb="2">
      <t>ニチ</t>
    </rPh>
    <phoneticPr fontId="2"/>
  </si>
  <si>
    <t>５日</t>
    <rPh sb="1" eb="2">
      <t>ニチ</t>
    </rPh>
    <phoneticPr fontId="2"/>
  </si>
  <si>
    <t>６日</t>
    <rPh sb="1" eb="2">
      <t>ニチ</t>
    </rPh>
    <phoneticPr fontId="2"/>
  </si>
  <si>
    <t>７日</t>
    <rPh sb="1" eb="2">
      <t>ニチ</t>
    </rPh>
    <phoneticPr fontId="2"/>
  </si>
  <si>
    <t>８日</t>
    <rPh sb="1" eb="2">
      <t>ニチ</t>
    </rPh>
    <phoneticPr fontId="2"/>
  </si>
  <si>
    <t>９日</t>
    <rPh sb="1" eb="2">
      <t>ニチ</t>
    </rPh>
    <phoneticPr fontId="2"/>
  </si>
  <si>
    <t>１０日</t>
    <rPh sb="2" eb="3">
      <t>ニチ</t>
    </rPh>
    <phoneticPr fontId="2"/>
  </si>
  <si>
    <t>１１日</t>
    <rPh sb="2" eb="3">
      <t>ニチ</t>
    </rPh>
    <phoneticPr fontId="2"/>
  </si>
  <si>
    <t>１２日</t>
    <rPh sb="2" eb="3">
      <t>ニチ</t>
    </rPh>
    <phoneticPr fontId="2"/>
  </si>
  <si>
    <t>１３日</t>
    <rPh sb="2" eb="3">
      <t>ニチ</t>
    </rPh>
    <phoneticPr fontId="2"/>
  </si>
  <si>
    <t>１４日</t>
    <rPh sb="2" eb="3">
      <t>ニチ</t>
    </rPh>
    <phoneticPr fontId="2"/>
  </si>
  <si>
    <t>１５日</t>
    <rPh sb="2" eb="3">
      <t>ニチ</t>
    </rPh>
    <phoneticPr fontId="2"/>
  </si>
  <si>
    <t>１６日</t>
    <rPh sb="2" eb="3">
      <t>ニチ</t>
    </rPh>
    <phoneticPr fontId="2"/>
  </si>
  <si>
    <t>１７日</t>
    <rPh sb="2" eb="3">
      <t>ニチ</t>
    </rPh>
    <phoneticPr fontId="2"/>
  </si>
  <si>
    <t>10月</t>
    <rPh sb="2" eb="3">
      <t>ガツ</t>
    </rPh>
    <phoneticPr fontId="2"/>
  </si>
  <si>
    <t>技術校担当者名・印　　　　　　　　　　　　　</t>
    <rPh sb="0" eb="2">
      <t>ギジュツ</t>
    </rPh>
    <rPh sb="2" eb="3">
      <t>コウ</t>
    </rPh>
    <rPh sb="3" eb="5">
      <t>タントウ</t>
    </rPh>
    <rPh sb="5" eb="6">
      <t>シャ</t>
    </rPh>
    <rPh sb="6" eb="7">
      <t>メイ</t>
    </rPh>
    <rPh sb="8" eb="9">
      <t>イン</t>
    </rPh>
    <phoneticPr fontId="2"/>
  </si>
  <si>
    <t>様式３－３－１－１　職業能力証明（訓練成果･実務成果）シート</t>
    <rPh sb="0" eb="2">
      <t>ヨウシキ</t>
    </rPh>
    <rPh sb="10" eb="12">
      <t>ショクギョウ</t>
    </rPh>
    <phoneticPr fontId="2"/>
  </si>
  <si>
    <t xml:space="preserve"> （ 企業実習・OJT用 ）　</t>
    <phoneticPr fontId="2"/>
  </si>
  <si>
    <t>訓練時の職務</t>
    <phoneticPr fontId="2"/>
  </si>
  <si>
    <t>訓練参加者氏名</t>
    <phoneticPr fontId="2"/>
  </si>
  <si>
    <t>上記の者の訓練期間における訓練職務内容と当社としての職業能力についての評価は、以下のとおりです。</t>
    <rPh sb="13" eb="15">
      <t>クンレン</t>
    </rPh>
    <rPh sb="20" eb="22">
      <t>トウシャ</t>
    </rPh>
    <phoneticPr fontId="2"/>
  </si>
  <si>
    <t>　　年　　月　　日</t>
    <phoneticPr fontId="2"/>
  </si>
  <si>
    <t>実習実施企業</t>
    <rPh sb="0" eb="2">
      <t>ジッシュウ</t>
    </rPh>
    <rPh sb="2" eb="4">
      <t>ジッシ</t>
    </rPh>
    <rPh sb="4" eb="6">
      <t>キギョウ</t>
    </rPh>
    <phoneticPr fontId="2"/>
  </si>
  <si>
    <t>評価責任者氏名</t>
    <phoneticPr fontId="2"/>
  </si>
  <si>
    <t>名称</t>
    <rPh sb="0" eb="2">
      <t>メイショウ</t>
    </rPh>
    <phoneticPr fontId="2"/>
  </si>
  <si>
    <t>代表者氏名</t>
    <rPh sb="0" eb="3">
      <t>ダイヒョウシャ</t>
    </rPh>
    <rPh sb="3" eb="5">
      <t>シメイ</t>
    </rPh>
    <phoneticPr fontId="2"/>
  </si>
  <si>
    <t>職　　務　　内　　容</t>
    <phoneticPr fontId="39"/>
  </si>
  <si>
    <t>Ⅱ　職務遂行のための基本的能力　　（「職務遂行のための基準」ごとに、該当する欄に○を記入）
　　　　　A：常にできている　B：大体できている　C：評価しない　　　「評価を行わなかった」場合は／（斜線）でＣ欄を消す</t>
    <rPh sb="2" eb="4">
      <t>ショクム</t>
    </rPh>
    <rPh sb="4" eb="6">
      <t>スイコウ</t>
    </rPh>
    <rPh sb="10" eb="13">
      <t>キホンテキ</t>
    </rPh>
    <rPh sb="13" eb="15">
      <t>ノウリョク</t>
    </rPh>
    <rPh sb="19" eb="21">
      <t>ショクム</t>
    </rPh>
    <rPh sb="21" eb="23">
      <t>スイコウ</t>
    </rPh>
    <rPh sb="27" eb="29">
      <t>キジュン</t>
    </rPh>
    <rPh sb="34" eb="36">
      <t>ガイトウ</t>
    </rPh>
    <rPh sb="38" eb="39">
      <t>ラン</t>
    </rPh>
    <rPh sb="53" eb="54">
      <t>ツネ</t>
    </rPh>
    <rPh sb="63" eb="65">
      <t>ダイタイ</t>
    </rPh>
    <rPh sb="92" eb="94">
      <t>バアイ</t>
    </rPh>
    <rPh sb="97" eb="99">
      <t>シャセン</t>
    </rPh>
    <rPh sb="102" eb="103">
      <t>ラン</t>
    </rPh>
    <rPh sb="104" eb="105">
      <t>ケ</t>
    </rPh>
    <phoneticPr fontId="2"/>
  </si>
  <si>
    <t>C</t>
    <phoneticPr fontId="2"/>
  </si>
  <si>
    <t>B</t>
    <phoneticPr fontId="2"/>
  </si>
  <si>
    <t>一般的な職業意識</t>
    <rPh sb="0" eb="3">
      <t>イッパンテキ</t>
    </rPh>
    <rPh sb="4" eb="6">
      <t>ショクギョウ</t>
    </rPh>
    <rPh sb="6" eb="8">
      <t>イシキ</t>
    </rPh>
    <phoneticPr fontId="2"/>
  </si>
  <si>
    <t>(1)</t>
    <phoneticPr fontId="2"/>
  </si>
  <si>
    <t>自らの職業意識、勤労観を持ち職務に取り組んでいる。</t>
    <rPh sb="0" eb="1">
      <t>ミズカ</t>
    </rPh>
    <rPh sb="3" eb="5">
      <t>ショクギョウ</t>
    </rPh>
    <rPh sb="5" eb="7">
      <t>イシキ</t>
    </rPh>
    <rPh sb="8" eb="11">
      <t>キンロウカン</t>
    </rPh>
    <rPh sb="12" eb="13">
      <t>モ</t>
    </rPh>
    <rPh sb="14" eb="16">
      <t>ショクム</t>
    </rPh>
    <rPh sb="17" eb="18">
      <t>ト</t>
    </rPh>
    <rPh sb="19" eb="20">
      <t>ク</t>
    </rPh>
    <phoneticPr fontId="2"/>
  </si>
  <si>
    <t>(2)</t>
  </si>
  <si>
    <t>社会の一員としての自覚と責任感を持って、主体的に職務に取り組んでいる。</t>
    <rPh sb="0" eb="2">
      <t>シャカイ</t>
    </rPh>
    <rPh sb="3" eb="5">
      <t>イチイン</t>
    </rPh>
    <rPh sb="9" eb="11">
      <t>ジカク</t>
    </rPh>
    <rPh sb="12" eb="14">
      <t>セキニン</t>
    </rPh>
    <rPh sb="14" eb="15">
      <t>カン</t>
    </rPh>
    <rPh sb="16" eb="17">
      <t>モ</t>
    </rPh>
    <rPh sb="20" eb="23">
      <t>シュタイテキ</t>
    </rPh>
    <rPh sb="24" eb="26">
      <t>ショクム</t>
    </rPh>
    <rPh sb="27" eb="28">
      <t>ト</t>
    </rPh>
    <rPh sb="29" eb="30">
      <t>ク</t>
    </rPh>
    <phoneticPr fontId="2"/>
  </si>
  <si>
    <t>(3)</t>
  </si>
  <si>
    <t>円滑に職務を遂行するために基本的なビジネスマナーを実践できている。</t>
    <rPh sb="0" eb="2">
      <t>エンカツ</t>
    </rPh>
    <rPh sb="3" eb="5">
      <t>ショクム</t>
    </rPh>
    <rPh sb="6" eb="8">
      <t>スイコウ</t>
    </rPh>
    <rPh sb="13" eb="16">
      <t>キホンテキ</t>
    </rPh>
    <rPh sb="25" eb="27">
      <t>ジッセン</t>
    </rPh>
    <phoneticPr fontId="2"/>
  </si>
  <si>
    <t>(4)</t>
  </si>
  <si>
    <t>適切な自己表現・双方向の意思疎通をはかるコミュニケーションがとれる。</t>
    <rPh sb="0" eb="2">
      <t>テキセツ</t>
    </rPh>
    <rPh sb="3" eb="5">
      <t>ジコ</t>
    </rPh>
    <rPh sb="5" eb="7">
      <t>ヒョウゲン</t>
    </rPh>
    <rPh sb="8" eb="11">
      <t>ソウホウコウ</t>
    </rPh>
    <rPh sb="12" eb="14">
      <t>イシ</t>
    </rPh>
    <rPh sb="14" eb="16">
      <t>ソツウ</t>
    </rPh>
    <phoneticPr fontId="2"/>
  </si>
  <si>
    <t>(5)</t>
  </si>
  <si>
    <t>チームワーク、協調性を発揮して職務に取り組んでいる。</t>
    <rPh sb="7" eb="10">
      <t>キョウチョウセイ</t>
    </rPh>
    <rPh sb="11" eb="13">
      <t>ハッキ</t>
    </rPh>
    <rPh sb="15" eb="17">
      <t>ショクム</t>
    </rPh>
    <rPh sb="18" eb="19">
      <t>ト</t>
    </rPh>
    <rPh sb="20" eb="21">
      <t>ク</t>
    </rPh>
    <phoneticPr fontId="2"/>
  </si>
  <si>
    <t>(6)</t>
  </si>
  <si>
    <t>職務での行動・実行にチャレンジ意欲を持って取り組んでいる。</t>
    <rPh sb="0" eb="2">
      <t>ショクム</t>
    </rPh>
    <rPh sb="4" eb="6">
      <t>コウドウ</t>
    </rPh>
    <rPh sb="7" eb="9">
      <t>ジッコウ</t>
    </rPh>
    <rPh sb="15" eb="17">
      <t>イヨク</t>
    </rPh>
    <rPh sb="18" eb="19">
      <t>モ</t>
    </rPh>
    <rPh sb="21" eb="22">
      <t>ト</t>
    </rPh>
    <rPh sb="23" eb="24">
      <t>ク</t>
    </rPh>
    <phoneticPr fontId="2"/>
  </si>
  <si>
    <t>(7)</t>
  </si>
  <si>
    <t>向上心・探求心を持って自分の課題を見つけながら職務に取り組んでいる。</t>
    <rPh sb="0" eb="3">
      <t>コウジョウシン</t>
    </rPh>
    <rPh sb="4" eb="6">
      <t>タンキュウ</t>
    </rPh>
    <rPh sb="6" eb="7">
      <t>シン</t>
    </rPh>
    <rPh sb="8" eb="9">
      <t>モ</t>
    </rPh>
    <rPh sb="11" eb="13">
      <t>ジブン</t>
    </rPh>
    <rPh sb="14" eb="16">
      <t>カダイ</t>
    </rPh>
    <rPh sb="17" eb="18">
      <t>ミ</t>
    </rPh>
    <rPh sb="23" eb="25">
      <t>ショクム</t>
    </rPh>
    <rPh sb="26" eb="27">
      <t>ト</t>
    </rPh>
    <rPh sb="28" eb="29">
      <t>ク</t>
    </rPh>
    <phoneticPr fontId="2"/>
  </si>
  <si>
    <t>Ⅲ　技能・技術に関する能力
（１）　基本的事項　　（「職務遂行のための基準」ごとに、該当する欄に○を記入）
　　　　A：常にできている　B：大体できている　C：評価しない　　　　「評価を行わなかった」場合は／（斜線）でＣ欄を消す</t>
    <rPh sb="18" eb="21">
      <t>キホンテキ</t>
    </rPh>
    <rPh sb="21" eb="23">
      <t>ジコウ</t>
    </rPh>
    <rPh sb="60" eb="61">
      <t>ツネ</t>
    </rPh>
    <rPh sb="70" eb="72">
      <t>ダイタイ</t>
    </rPh>
    <phoneticPr fontId="2"/>
  </si>
  <si>
    <t>職　務　遂　行　の　た　め　の　基　準</t>
    <phoneticPr fontId="2"/>
  </si>
  <si>
    <t>コード</t>
    <phoneticPr fontId="2"/>
  </si>
  <si>
    <t>A</t>
    <phoneticPr fontId="2"/>
  </si>
  <si>
    <t>B</t>
    <phoneticPr fontId="2"/>
  </si>
  <si>
    <t>C</t>
    <phoneticPr fontId="2"/>
  </si>
  <si>
    <t>C</t>
    <phoneticPr fontId="2"/>
  </si>
  <si>
    <t>安全衛生、改善、問題解決</t>
    <rPh sb="0" eb="2">
      <t>アンゼン</t>
    </rPh>
    <rPh sb="2" eb="4">
      <t>エイセイ</t>
    </rPh>
    <rPh sb="5" eb="7">
      <t>カイゼン</t>
    </rPh>
    <rPh sb="8" eb="10">
      <t>モンダイ</t>
    </rPh>
    <rPh sb="10" eb="12">
      <t>カイケツ</t>
    </rPh>
    <phoneticPr fontId="2"/>
  </si>
  <si>
    <t>(1)</t>
    <phoneticPr fontId="2"/>
  </si>
  <si>
    <t>自身の健康管理を行い、会社や工場内の安全規程を理解しそれに反する行動は行っていない。</t>
    <rPh sb="0" eb="2">
      <t>ジシン</t>
    </rPh>
    <rPh sb="3" eb="5">
      <t>ケンコウ</t>
    </rPh>
    <rPh sb="5" eb="7">
      <t>カンリ</t>
    </rPh>
    <rPh sb="8" eb="9">
      <t>オコナ</t>
    </rPh>
    <rPh sb="11" eb="13">
      <t>カイシャ</t>
    </rPh>
    <rPh sb="14" eb="16">
      <t>コウジョウ</t>
    </rPh>
    <rPh sb="16" eb="17">
      <t>ナイ</t>
    </rPh>
    <rPh sb="18" eb="20">
      <t>アンゼン</t>
    </rPh>
    <rPh sb="20" eb="22">
      <t>キテイ</t>
    </rPh>
    <rPh sb="23" eb="25">
      <t>リカイ</t>
    </rPh>
    <rPh sb="29" eb="30">
      <t>ハン</t>
    </rPh>
    <rPh sb="32" eb="34">
      <t>コウドウ</t>
    </rPh>
    <rPh sb="35" eb="36">
      <t>オコナ</t>
    </rPh>
    <phoneticPr fontId="2"/>
  </si>
  <si>
    <t>常に身の回りの整理・整頓を行い作業のしやすい環境づくりを行っている。</t>
    <rPh sb="0" eb="1">
      <t>ツネ</t>
    </rPh>
    <rPh sb="2" eb="3">
      <t>ミ</t>
    </rPh>
    <rPh sb="4" eb="5">
      <t>マワ</t>
    </rPh>
    <rPh sb="7" eb="9">
      <t>セイリ</t>
    </rPh>
    <rPh sb="10" eb="12">
      <t>セイトン</t>
    </rPh>
    <rPh sb="13" eb="14">
      <t>オコナ</t>
    </rPh>
    <rPh sb="15" eb="17">
      <t>サギョウ</t>
    </rPh>
    <rPh sb="22" eb="24">
      <t>カンキョウ</t>
    </rPh>
    <rPh sb="28" eb="29">
      <t>オコナ</t>
    </rPh>
    <phoneticPr fontId="2"/>
  </si>
  <si>
    <t>自分なりに工夫をしながら作業を行い、些細なことであっても改善を試みている。</t>
    <rPh sb="0" eb="2">
      <t>ジブン</t>
    </rPh>
    <rPh sb="5" eb="7">
      <t>クフウ</t>
    </rPh>
    <rPh sb="12" eb="14">
      <t>サギョウ</t>
    </rPh>
    <rPh sb="15" eb="16">
      <t>オコナ</t>
    </rPh>
    <rPh sb="18" eb="20">
      <t>ササイ</t>
    </rPh>
    <rPh sb="28" eb="30">
      <t>カイゼン</t>
    </rPh>
    <rPh sb="31" eb="32">
      <t>ココロ</t>
    </rPh>
    <phoneticPr fontId="2"/>
  </si>
  <si>
    <t>上司や先輩から仕事のやり方のコツについて指導やアドバイスをもらった時は、指示に従っている。</t>
    <rPh sb="0" eb="2">
      <t>ジョウシ</t>
    </rPh>
    <rPh sb="3" eb="5">
      <t>センパイ</t>
    </rPh>
    <rPh sb="7" eb="9">
      <t>シゴト</t>
    </rPh>
    <rPh sb="12" eb="13">
      <t>カタ</t>
    </rPh>
    <rPh sb="20" eb="22">
      <t>シドウ</t>
    </rPh>
    <rPh sb="33" eb="34">
      <t>トキ</t>
    </rPh>
    <rPh sb="36" eb="38">
      <t>シジ</t>
    </rPh>
    <rPh sb="39" eb="40">
      <t>シタガ</t>
    </rPh>
    <phoneticPr fontId="2"/>
  </si>
  <si>
    <t>仕事が円滑に進むように、日頃からコミュニケーションを積極的に取るように心がけている。</t>
    <rPh sb="0" eb="2">
      <t>シゴト</t>
    </rPh>
    <rPh sb="3" eb="5">
      <t>エンカツ</t>
    </rPh>
    <rPh sb="6" eb="7">
      <t>スス</t>
    </rPh>
    <rPh sb="12" eb="14">
      <t>ヒゴロ</t>
    </rPh>
    <rPh sb="26" eb="29">
      <t>セッキョクテキ</t>
    </rPh>
    <rPh sb="30" eb="31">
      <t>ト</t>
    </rPh>
    <rPh sb="35" eb="36">
      <t>ココロ</t>
    </rPh>
    <phoneticPr fontId="2"/>
  </si>
  <si>
    <t>（２）　専門的事項　　（「職務遂行のための基準」ごとに、該当する欄に○を記入）　　（評価基準の出所：　　　　　　　　　　）
　　　　A：常にできている　B：大体できている　C：評価しない　　　　「評価を行わなかった」場合は／（斜線）でＣ欄を消す</t>
    <rPh sb="4" eb="7">
      <t>センモンテキ</t>
    </rPh>
    <rPh sb="7" eb="9">
      <t>ジコウ</t>
    </rPh>
    <rPh sb="68" eb="69">
      <t>ツネ</t>
    </rPh>
    <rPh sb="78" eb="80">
      <t>ダイタイ</t>
    </rPh>
    <phoneticPr fontId="35"/>
  </si>
  <si>
    <t>コード</t>
    <phoneticPr fontId="2"/>
  </si>
  <si>
    <t>ＣＡＤ作業</t>
    <phoneticPr fontId="2"/>
  </si>
  <si>
    <t>正投影法（第三角法）理解し、扱える。</t>
    <phoneticPr fontId="2"/>
  </si>
  <si>
    <t>寸法記入法について理解し、扱える。</t>
    <phoneticPr fontId="2"/>
  </si>
  <si>
    <t>公差、幾何公差を理解している。</t>
    <phoneticPr fontId="2"/>
  </si>
  <si>
    <t>機械要素を理解している。</t>
    <phoneticPr fontId="2"/>
  </si>
  <si>
    <t>材料の特性を理解し部品図に指定できる。</t>
    <phoneticPr fontId="2"/>
  </si>
  <si>
    <t>(注意事項)</t>
    <rPh sb="1" eb="3">
      <t>チュウイ</t>
    </rPh>
    <rPh sb="3" eb="5">
      <t>ジコウ</t>
    </rPh>
    <phoneticPr fontId="2"/>
  </si>
  <si>
    <t>１　「区分」欄には、「企業実習」又は「OJT」を記入してください。
２　「コード」欄には、「職務遂行のための基準」の出典にコード又は職業能力評価基準のユニット番号等がある場合に記入してください。
３　記入しきれないときは、適宜枠の数を増やす等により記入してください。
４　本シートは、電子的方式、磁気的方式その他人の知覚によっては認識することができない方式で作られる記録であって、電子計算機による情報処理の用に
　　供されるものをもって作成することができます。</t>
    <phoneticPr fontId="39"/>
  </si>
  <si>
    <t>９月</t>
    <rPh sb="1" eb="2">
      <t>ガツ</t>
    </rPh>
    <phoneticPr fontId="2"/>
  </si>
  <si>
    <t>登校日</t>
    <rPh sb="0" eb="2">
      <t>トウコウ</t>
    </rPh>
    <rPh sb="2" eb="3">
      <t>ヒ</t>
    </rPh>
    <phoneticPr fontId="2"/>
  </si>
  <si>
    <t>火</t>
    <rPh sb="0" eb="1">
      <t>カ</t>
    </rPh>
    <phoneticPr fontId="2"/>
  </si>
  <si>
    <t>水</t>
    <phoneticPr fontId="2"/>
  </si>
  <si>
    <t>休</t>
    <rPh sb="0" eb="1">
      <t>キュウ</t>
    </rPh>
    <phoneticPr fontId="2"/>
  </si>
  <si>
    <t>２次元ＣＡＤによる設計補助</t>
    <phoneticPr fontId="2"/>
  </si>
  <si>
    <t>・ＣＡＤに関する作業</t>
    <phoneticPr fontId="2"/>
  </si>
  <si>
    <t>火</t>
    <phoneticPr fontId="2"/>
  </si>
  <si>
    <t>水</t>
    <phoneticPr fontId="2"/>
  </si>
  <si>
    <t>木</t>
    <phoneticPr fontId="2"/>
  </si>
  <si>
    <t>金</t>
    <phoneticPr fontId="2"/>
  </si>
  <si>
    <t>技術校での訓練</t>
    <rPh sb="0" eb="2">
      <t>ギジュツ</t>
    </rPh>
    <rPh sb="2" eb="3">
      <t>コウ</t>
    </rPh>
    <rPh sb="5" eb="7">
      <t>クンレン</t>
    </rPh>
    <phoneticPr fontId="2"/>
  </si>
  <si>
    <t>修了式</t>
    <rPh sb="0" eb="2">
      <t>シュウリョウ</t>
    </rPh>
    <rPh sb="2" eb="3">
      <t>シキ</t>
    </rPh>
    <phoneticPr fontId="2"/>
  </si>
  <si>
    <t>　　　　　　　　印</t>
    <rPh sb="8" eb="9">
      <t>イン</t>
    </rPh>
    <phoneticPr fontId="39"/>
  </si>
  <si>
    <t>　　　　　　　　　　　　　　　　　　　印</t>
    <rPh sb="19" eb="20">
      <t>イン</t>
    </rPh>
    <phoneticPr fontId="2"/>
  </si>
  <si>
    <t>令和○○年〇月〇日～
　令和○○年〇月〇日</t>
    <rPh sb="4" eb="5">
      <t>ネン</t>
    </rPh>
    <phoneticPr fontId="2"/>
  </si>
  <si>
    <t>企業実習
(雇用型)</t>
    <rPh sb="6" eb="8">
      <t>コヨウ</t>
    </rPh>
    <phoneticPr fontId="2"/>
  </si>
  <si>
    <t>企　業　実　習　日　誌　　技術校生氏名　（　○○○○　）</t>
    <rPh sb="0" eb="1">
      <t>クワダ</t>
    </rPh>
    <rPh sb="2" eb="3">
      <t>ギョウ</t>
    </rPh>
    <rPh sb="4" eb="5">
      <t>ミ</t>
    </rPh>
    <rPh sb="6" eb="7">
      <t>ナラ</t>
    </rPh>
    <rPh sb="8" eb="9">
      <t>ヒ</t>
    </rPh>
    <rPh sb="10" eb="11">
      <t>シ</t>
    </rPh>
    <rPh sb="13" eb="15">
      <t>ギジュツ</t>
    </rPh>
    <rPh sb="15" eb="16">
      <t>コウ</t>
    </rPh>
    <rPh sb="16" eb="17">
      <t>セイ</t>
    </rPh>
    <rPh sb="17" eb="19">
      <t>シメイ</t>
    </rPh>
    <phoneticPr fontId="2"/>
  </si>
  <si>
    <t>○時○分～
○時○分</t>
    <rPh sb="1" eb="2">
      <t>ジ</t>
    </rPh>
    <rPh sb="3" eb="4">
      <t>フン</t>
    </rPh>
    <rPh sb="7" eb="8">
      <t>ジ</t>
    </rPh>
    <rPh sb="9" eb="10">
      <t>ブン</t>
    </rPh>
    <phoneticPr fontId="2"/>
  </si>
  <si>
    <t>○○○○に関する作業</t>
    <rPh sb="5" eb="6">
      <t>カン</t>
    </rPh>
    <rPh sb="8" eb="10">
      <t>サギ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quot;-&quot;"/>
    <numFmt numFmtId="177" formatCode="\(#\)"/>
  </numFmts>
  <fonts count="48" x14ac:knownFonts="1">
    <font>
      <sz val="11"/>
      <name val="ＭＳ Ｐゴシック"/>
      <family val="3"/>
      <charset val="128"/>
    </font>
    <font>
      <sz val="11"/>
      <name val="ＭＳ Ｐゴシック"/>
      <family val="3"/>
      <charset val="128"/>
    </font>
    <font>
      <sz val="6"/>
      <name val="ＭＳ Ｐゴシック"/>
      <family val="3"/>
      <charset val="128"/>
    </font>
    <font>
      <sz val="18"/>
      <name val="ＭＳ Ｐゴシック"/>
      <family val="3"/>
      <charset val="128"/>
    </font>
    <font>
      <sz val="12"/>
      <name val="ＭＳ Ｐゴシック"/>
      <family val="3"/>
      <charset val="128"/>
    </font>
    <font>
      <sz val="14"/>
      <name val="ＭＳ Ｐゴシック"/>
      <family val="3"/>
      <charset val="128"/>
    </font>
    <font>
      <sz val="16"/>
      <name val="ＭＳ Ｐゴシック"/>
      <family val="3"/>
      <charset val="128"/>
    </font>
    <font>
      <sz val="10"/>
      <color indexed="8"/>
      <name val="Arial"/>
      <family val="2"/>
    </font>
    <font>
      <b/>
      <sz val="12"/>
      <name val="Arial"/>
      <family val="2"/>
    </font>
    <font>
      <sz val="10"/>
      <name val="Arial"/>
      <family val="2"/>
    </font>
    <font>
      <b/>
      <sz val="12"/>
      <name val="ＭＳ Ｐゴシック"/>
      <family val="3"/>
      <charset val="128"/>
    </font>
    <font>
      <u/>
      <sz val="11"/>
      <name val="ＭＳ Ｐゴシック"/>
      <family val="3"/>
      <charset val="128"/>
    </font>
    <font>
      <sz val="20"/>
      <name val="ＭＳ Ｐゴシック"/>
      <family val="3"/>
      <charset val="128"/>
    </font>
    <font>
      <b/>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62"/>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62"/>
      <name val="ＭＳ Ｐゴシック"/>
      <family val="3"/>
      <charset val="128"/>
    </font>
    <font>
      <b/>
      <sz val="13"/>
      <color indexed="62"/>
      <name val="ＭＳ Ｐゴシック"/>
      <family val="3"/>
      <charset val="128"/>
    </font>
    <font>
      <b/>
      <sz val="11"/>
      <color indexed="62"/>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9"/>
      <name val="ＭＳ Ｐゴシック"/>
      <family val="3"/>
      <charset val="128"/>
    </font>
    <font>
      <b/>
      <sz val="14"/>
      <name val="ＭＳ Ｐゴシック"/>
      <family val="3"/>
      <charset val="128"/>
    </font>
    <font>
      <sz val="10"/>
      <name val="ＭＳ Ｐゴシック"/>
      <family val="3"/>
      <charset val="128"/>
    </font>
    <font>
      <sz val="10"/>
      <name val="ＭＳ 明朝"/>
      <family val="1"/>
      <charset val="128"/>
    </font>
    <font>
      <b/>
      <sz val="9.25"/>
      <name val="ＭＳ 明朝"/>
      <family val="1"/>
      <charset val="128"/>
    </font>
    <font>
      <b/>
      <sz val="18"/>
      <name val="ＭＳ Ｐゴシック"/>
      <family val="3"/>
      <charset val="128"/>
    </font>
    <font>
      <b/>
      <sz val="26"/>
      <name val="ＭＳ Ｐゴシック"/>
      <family val="3"/>
      <charset val="128"/>
    </font>
    <font>
      <sz val="10"/>
      <color theme="1"/>
      <name val="ＭＳ 明朝"/>
      <family val="2"/>
      <charset val="128"/>
    </font>
    <font>
      <sz val="6"/>
      <name val="ＭＳ 明朝"/>
      <family val="2"/>
      <charset val="128"/>
    </font>
    <font>
      <sz val="11"/>
      <color theme="1"/>
      <name val="ＭＳ 明朝"/>
      <family val="2"/>
      <charset val="128"/>
    </font>
    <font>
      <b/>
      <sz val="10"/>
      <name val="ＭＳ Ｐゴシック"/>
      <family val="3"/>
      <charset val="128"/>
    </font>
    <font>
      <sz val="9"/>
      <name val="ＭＳ ゴシック"/>
      <family val="3"/>
      <charset val="128"/>
    </font>
    <font>
      <sz val="10"/>
      <name val="ＭＳ ゴシック"/>
      <family val="3"/>
      <charset val="128"/>
    </font>
    <font>
      <b/>
      <sz val="10"/>
      <name val="ＭＳ 明朝"/>
      <family val="1"/>
      <charset val="128"/>
    </font>
    <font>
      <sz val="8"/>
      <name val="ＭＳ Ｐゴシック"/>
      <family val="3"/>
      <charset val="128"/>
    </font>
    <font>
      <sz val="8"/>
      <name val="ＭＳ ゴシック"/>
      <family val="3"/>
      <charset val="128"/>
    </font>
    <font>
      <sz val="10"/>
      <name val="ＭＳ Ｐゴシック"/>
      <family val="3"/>
      <charset val="128"/>
      <scheme val="major"/>
    </font>
  </fonts>
  <fills count="21">
    <fill>
      <patternFill patternType="none"/>
    </fill>
    <fill>
      <patternFill patternType="gray125"/>
    </fill>
    <fill>
      <patternFill patternType="solid">
        <fgColor indexed="9"/>
      </patternFill>
    </fill>
    <fill>
      <patternFill patternType="solid">
        <fgColor indexed="47"/>
      </patternFill>
    </fill>
    <fill>
      <patternFill patternType="solid">
        <fgColor indexed="26"/>
      </patternFill>
    </fill>
    <fill>
      <patternFill patternType="solid">
        <fgColor indexed="27"/>
      </patternFill>
    </fill>
    <fill>
      <patternFill patternType="solid">
        <fgColor indexed="22"/>
      </patternFill>
    </fill>
    <fill>
      <patternFill patternType="solid">
        <fgColor indexed="29"/>
      </patternFill>
    </fill>
    <fill>
      <patternFill patternType="solid">
        <fgColor indexed="43"/>
      </patternFill>
    </fill>
    <fill>
      <patternFill patternType="solid">
        <fgColor indexed="44"/>
      </patternFill>
    </fill>
    <fill>
      <patternFill patternType="solid">
        <fgColor indexed="49"/>
      </patternFill>
    </fill>
    <fill>
      <patternFill patternType="solid">
        <fgColor indexed="10"/>
      </patternFill>
    </fill>
    <fill>
      <patternFill patternType="solid">
        <fgColor indexed="57"/>
      </patternFill>
    </fill>
    <fill>
      <patternFill patternType="solid">
        <fgColor indexed="54"/>
      </patternFill>
    </fill>
    <fill>
      <patternFill patternType="solid">
        <fgColor indexed="53"/>
      </patternFill>
    </fill>
    <fill>
      <patternFill patternType="solid">
        <fgColor indexed="55"/>
      </patternFill>
    </fill>
    <fill>
      <patternFill patternType="solid">
        <fgColor indexed="45"/>
      </patternFill>
    </fill>
    <fill>
      <patternFill patternType="solid">
        <fgColor indexed="42"/>
      </patternFill>
    </fill>
    <fill>
      <patternFill patternType="solid">
        <fgColor theme="0"/>
        <bgColor indexed="64"/>
      </patternFill>
    </fill>
    <fill>
      <patternFill patternType="solid">
        <fgColor theme="0" tint="-0.14999847407452621"/>
        <bgColor indexed="64"/>
      </patternFill>
    </fill>
    <fill>
      <patternFill patternType="solid">
        <fgColor rgb="FFFFFF00"/>
        <bgColor indexed="64"/>
      </patternFill>
    </fill>
  </fills>
  <borders count="60">
    <border>
      <left/>
      <right/>
      <top/>
      <bottom/>
      <diagonal/>
    </border>
    <border>
      <left/>
      <right/>
      <top style="medium">
        <color indexed="64"/>
      </top>
      <bottom style="medium">
        <color indexed="64"/>
      </bottom>
      <diagonal/>
    </border>
    <border>
      <left/>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49"/>
      </bottom>
      <diagonal/>
    </border>
    <border>
      <left/>
      <right/>
      <top/>
      <bottom style="thick">
        <color indexed="22"/>
      </bottom>
      <diagonal/>
    </border>
    <border>
      <left/>
      <right/>
      <top/>
      <bottom style="medium">
        <color indexed="49"/>
      </bottom>
      <diagonal/>
    </border>
    <border>
      <left/>
      <right/>
      <top style="thin">
        <color indexed="49"/>
      </top>
      <bottom style="double">
        <color indexed="49"/>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top style="medium">
        <color indexed="64"/>
      </top>
      <bottom/>
      <diagonal/>
    </border>
    <border>
      <left/>
      <right style="medium">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style="thin">
        <color indexed="64"/>
      </left>
      <right/>
      <top/>
      <bottom style="medium">
        <color indexed="64"/>
      </bottom>
      <diagonal/>
    </border>
    <border>
      <left style="thin">
        <color indexed="64"/>
      </left>
      <right style="thin">
        <color indexed="64"/>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style="thin">
        <color indexed="64"/>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bottom style="hair">
        <color indexed="64"/>
      </bottom>
      <diagonal/>
    </border>
  </borders>
  <cellStyleXfs count="49">
    <xf numFmtId="0" fontId="0" fillId="0" borderId="0"/>
    <xf numFmtId="0" fontId="14" fillId="2" borderId="0" applyNumberFormat="0" applyBorder="0" applyAlignment="0" applyProtection="0">
      <alignment vertical="center"/>
    </xf>
    <xf numFmtId="0" fontId="14" fillId="3" borderId="0" applyNumberFormat="0" applyBorder="0" applyAlignment="0" applyProtection="0">
      <alignment vertical="center"/>
    </xf>
    <xf numFmtId="0" fontId="14" fillId="4" borderId="0" applyNumberFormat="0" applyBorder="0" applyAlignment="0" applyProtection="0">
      <alignment vertical="center"/>
    </xf>
    <xf numFmtId="0" fontId="14" fillId="2" borderId="0" applyNumberFormat="0" applyBorder="0" applyAlignment="0" applyProtection="0">
      <alignment vertical="center"/>
    </xf>
    <xf numFmtId="0" fontId="14" fillId="5" borderId="0" applyNumberFormat="0" applyBorder="0" applyAlignment="0" applyProtection="0">
      <alignment vertical="center"/>
    </xf>
    <xf numFmtId="0" fontId="14" fillId="3" borderId="0" applyNumberFormat="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6" borderId="0" applyNumberFormat="0" applyBorder="0" applyAlignment="0" applyProtection="0">
      <alignment vertical="center"/>
    </xf>
    <xf numFmtId="0" fontId="14" fillId="9" borderId="0" applyNumberFormat="0" applyBorder="0" applyAlignment="0" applyProtection="0">
      <alignment vertical="center"/>
    </xf>
    <xf numFmtId="0" fontId="14" fillId="3" borderId="0" applyNumberFormat="0" applyBorder="0" applyAlignment="0" applyProtection="0">
      <alignment vertical="center"/>
    </xf>
    <xf numFmtId="0" fontId="15" fillId="10" borderId="0" applyNumberFormat="0" applyBorder="0" applyAlignment="0" applyProtection="0">
      <alignment vertical="center"/>
    </xf>
    <xf numFmtId="0" fontId="15" fillId="7" borderId="0" applyNumberFormat="0" applyBorder="0" applyAlignment="0" applyProtection="0">
      <alignment vertical="center"/>
    </xf>
    <xf numFmtId="0" fontId="15" fillId="8" borderId="0" applyNumberFormat="0" applyBorder="0" applyAlignment="0" applyProtection="0">
      <alignment vertical="center"/>
    </xf>
    <xf numFmtId="0" fontId="15" fillId="6" borderId="0" applyNumberFormat="0" applyBorder="0" applyAlignment="0" applyProtection="0">
      <alignment vertical="center"/>
    </xf>
    <xf numFmtId="0" fontId="15" fillId="10" borderId="0" applyNumberFormat="0" applyBorder="0" applyAlignment="0" applyProtection="0">
      <alignment vertical="center"/>
    </xf>
    <xf numFmtId="0" fontId="15" fillId="3" borderId="0" applyNumberFormat="0" applyBorder="0" applyAlignment="0" applyProtection="0">
      <alignment vertical="center"/>
    </xf>
    <xf numFmtId="176" fontId="7" fillId="0" borderId="0" applyFill="0" applyBorder="0" applyAlignment="0"/>
    <xf numFmtId="0" fontId="8" fillId="0" borderId="1" applyNumberFormat="0" applyAlignment="0" applyProtection="0">
      <alignment horizontal="left" vertical="center"/>
    </xf>
    <xf numFmtId="0" fontId="8" fillId="0" borderId="2">
      <alignment horizontal="left" vertical="center"/>
    </xf>
    <xf numFmtId="0" fontId="9" fillId="0" borderId="0"/>
    <xf numFmtId="0" fontId="15" fillId="10" borderId="0" applyNumberFormat="0" applyBorder="0" applyAlignment="0" applyProtection="0">
      <alignment vertical="center"/>
    </xf>
    <xf numFmtId="0" fontId="15" fillId="11" borderId="0" applyNumberFormat="0" applyBorder="0" applyAlignment="0" applyProtection="0">
      <alignment vertical="center"/>
    </xf>
    <xf numFmtId="0" fontId="15" fillId="12" borderId="0" applyNumberFormat="0" applyBorder="0" applyAlignment="0" applyProtection="0">
      <alignment vertical="center"/>
    </xf>
    <xf numFmtId="0" fontId="15" fillId="13" borderId="0" applyNumberFormat="0" applyBorder="0" applyAlignment="0" applyProtection="0">
      <alignment vertical="center"/>
    </xf>
    <xf numFmtId="0" fontId="15" fillId="10" borderId="0" applyNumberFormat="0" applyBorder="0" applyAlignment="0" applyProtection="0">
      <alignment vertical="center"/>
    </xf>
    <xf numFmtId="0" fontId="15" fillId="14" borderId="0" applyNumberFormat="0" applyBorder="0" applyAlignment="0" applyProtection="0">
      <alignment vertical="center"/>
    </xf>
    <xf numFmtId="0" fontId="16" fillId="0" borderId="0" applyNumberFormat="0" applyFill="0" applyBorder="0" applyAlignment="0" applyProtection="0">
      <alignment vertical="center"/>
    </xf>
    <xf numFmtId="0" fontId="17" fillId="15" borderId="3" applyNumberFormat="0" applyAlignment="0" applyProtection="0">
      <alignment vertical="center"/>
    </xf>
    <xf numFmtId="0" fontId="18" fillId="8" borderId="0" applyNumberFormat="0" applyBorder="0" applyAlignment="0" applyProtection="0">
      <alignment vertical="center"/>
    </xf>
    <xf numFmtId="0" fontId="1" fillId="4" borderId="4" applyNumberFormat="0" applyFont="0" applyAlignment="0" applyProtection="0">
      <alignment vertical="center"/>
    </xf>
    <xf numFmtId="0" fontId="19" fillId="0" borderId="5" applyNumberFormat="0" applyFill="0" applyAlignment="0" applyProtection="0">
      <alignment vertical="center"/>
    </xf>
    <xf numFmtId="0" fontId="20" fillId="16" borderId="0" applyNumberFormat="0" applyBorder="0" applyAlignment="0" applyProtection="0">
      <alignment vertical="center"/>
    </xf>
    <xf numFmtId="0" fontId="21" fillId="2" borderId="6" applyNumberFormat="0" applyAlignment="0" applyProtection="0">
      <alignment vertical="center"/>
    </xf>
    <xf numFmtId="0" fontId="22" fillId="0" borderId="0" applyNumberFormat="0" applyFill="0" applyBorder="0" applyAlignment="0" applyProtection="0">
      <alignment vertical="center"/>
    </xf>
    <xf numFmtId="0" fontId="23" fillId="0" borderId="7" applyNumberFormat="0" applyFill="0" applyAlignment="0" applyProtection="0">
      <alignment vertical="center"/>
    </xf>
    <xf numFmtId="0" fontId="24" fillId="0" borderId="8" applyNumberFormat="0" applyFill="0" applyAlignment="0" applyProtection="0">
      <alignment vertical="center"/>
    </xf>
    <xf numFmtId="0" fontId="25" fillId="0" borderId="9" applyNumberFormat="0" applyFill="0" applyAlignment="0" applyProtection="0">
      <alignment vertical="center"/>
    </xf>
    <xf numFmtId="0" fontId="25" fillId="0" borderId="0" applyNumberFormat="0" applyFill="0" applyBorder="0" applyAlignment="0" applyProtection="0">
      <alignment vertical="center"/>
    </xf>
    <xf numFmtId="0" fontId="26" fillId="0" borderId="10" applyNumberFormat="0" applyFill="0" applyAlignment="0" applyProtection="0">
      <alignment vertical="center"/>
    </xf>
    <xf numFmtId="0" fontId="27" fillId="2" borderId="11" applyNumberFormat="0" applyAlignment="0" applyProtection="0">
      <alignment vertical="center"/>
    </xf>
    <xf numFmtId="0" fontId="28" fillId="0" borderId="0" applyNumberFormat="0" applyFill="0" applyBorder="0" applyAlignment="0" applyProtection="0">
      <alignment vertical="center"/>
    </xf>
    <xf numFmtId="0" fontId="29" fillId="3" borderId="6" applyNumberFormat="0" applyAlignment="0" applyProtection="0">
      <alignment vertical="center"/>
    </xf>
    <xf numFmtId="0" fontId="1" fillId="0" borderId="0"/>
    <xf numFmtId="0" fontId="30" fillId="17" borderId="0" applyNumberFormat="0" applyBorder="0" applyAlignment="0" applyProtection="0">
      <alignment vertical="center"/>
    </xf>
    <xf numFmtId="0" fontId="1" fillId="0" borderId="0">
      <alignment vertical="center"/>
    </xf>
    <xf numFmtId="0" fontId="1" fillId="0" borderId="0"/>
  </cellStyleXfs>
  <cellXfs count="227">
    <xf numFmtId="0" fontId="0" fillId="0" borderId="0" xfId="0"/>
    <xf numFmtId="0" fontId="4" fillId="0" borderId="0" xfId="0" applyFont="1"/>
    <xf numFmtId="0" fontId="5" fillId="0" borderId="0" xfId="0" applyFont="1"/>
    <xf numFmtId="0" fontId="0" fillId="0" borderId="21" xfId="0" applyBorder="1" applyAlignment="1">
      <alignment horizontal="center" vertical="center"/>
    </xf>
    <xf numFmtId="0" fontId="0" fillId="0" borderId="22" xfId="0" applyBorder="1"/>
    <xf numFmtId="0" fontId="0" fillId="0" borderId="23" xfId="0" applyBorder="1" applyAlignment="1">
      <alignment horizontal="center" vertical="center"/>
    </xf>
    <xf numFmtId="0" fontId="11" fillId="0" borderId="0" xfId="0" applyFont="1"/>
    <xf numFmtId="0" fontId="1" fillId="0" borderId="0" xfId="0" applyFont="1" applyAlignment="1">
      <alignment vertical="center"/>
    </xf>
    <xf numFmtId="0" fontId="1" fillId="0" borderId="23" xfId="0" applyFont="1" applyBorder="1" applyAlignment="1">
      <alignment horizontal="center" vertical="center"/>
    </xf>
    <xf numFmtId="0" fontId="1" fillId="0" borderId="2" xfId="0" applyFont="1" applyBorder="1" applyAlignment="1">
      <alignment vertical="center"/>
    </xf>
    <xf numFmtId="0" fontId="1" fillId="0" borderId="0" xfId="0" applyFont="1"/>
    <xf numFmtId="0" fontId="1" fillId="0" borderId="24" xfId="0" applyFont="1" applyBorder="1" applyAlignment="1">
      <alignment vertical="center"/>
    </xf>
    <xf numFmtId="0" fontId="1" fillId="0" borderId="24" xfId="0" applyFont="1" applyBorder="1" applyAlignment="1">
      <alignment horizontal="center" vertical="center"/>
    </xf>
    <xf numFmtId="0" fontId="1" fillId="0" borderId="0" xfId="0" applyFont="1" applyAlignment="1">
      <alignment horizontal="center"/>
    </xf>
    <xf numFmtId="0" fontId="6" fillId="0" borderId="0" xfId="0" applyFont="1" applyAlignment="1">
      <alignment horizontal="center"/>
    </xf>
    <xf numFmtId="0" fontId="4" fillId="0" borderId="2" xfId="0" applyFont="1" applyBorder="1"/>
    <xf numFmtId="0" fontId="4" fillId="0" borderId="20" xfId="0" applyFont="1" applyBorder="1"/>
    <xf numFmtId="56" fontId="0" fillId="0" borderId="23" xfId="0" applyNumberFormat="1" applyBorder="1" applyAlignment="1">
      <alignment horizontal="right" vertical="center" wrapText="1"/>
    </xf>
    <xf numFmtId="0" fontId="0" fillId="0" borderId="2" xfId="0" applyBorder="1" applyAlignment="1">
      <alignment vertical="center"/>
    </xf>
    <xf numFmtId="0" fontId="4" fillId="18" borderId="0" xfId="45" applyFont="1" applyFill="1"/>
    <xf numFmtId="0" fontId="1" fillId="18" borderId="0" xfId="45" applyFill="1" applyAlignment="1">
      <alignment vertical="center"/>
    </xf>
    <xf numFmtId="0" fontId="12" fillId="18" borderId="0" xfId="45" applyFont="1" applyFill="1" applyAlignment="1">
      <alignment horizontal="center" vertical="center"/>
    </xf>
    <xf numFmtId="0" fontId="4" fillId="18" borderId="0" xfId="45" applyFont="1" applyFill="1" applyBorder="1" applyAlignment="1">
      <alignment horizontal="right" vertical="center"/>
    </xf>
    <xf numFmtId="0" fontId="4" fillId="18" borderId="17" xfId="45" applyFont="1" applyFill="1" applyBorder="1" applyAlignment="1">
      <alignment horizontal="center" vertical="center"/>
    </xf>
    <xf numFmtId="0" fontId="4" fillId="18" borderId="0" xfId="45" applyFont="1" applyFill="1" applyAlignment="1">
      <alignment vertical="center"/>
    </xf>
    <xf numFmtId="0" fontId="1" fillId="18" borderId="0" xfId="45" applyFill="1"/>
    <xf numFmtId="0" fontId="1" fillId="18" borderId="0" xfId="45" applyFill="1" applyBorder="1"/>
    <xf numFmtId="0" fontId="1" fillId="18" borderId="24" xfId="45" applyFill="1" applyBorder="1" applyAlignment="1">
      <alignment horizontal="center" vertical="center"/>
    </xf>
    <xf numFmtId="0" fontId="1" fillId="18" borderId="23" xfId="45" applyFill="1" applyBorder="1" applyAlignment="1">
      <alignment horizontal="center" vertical="center"/>
    </xf>
    <xf numFmtId="0" fontId="1" fillId="18" borderId="23" xfId="45" applyFont="1" applyFill="1" applyBorder="1" applyAlignment="1">
      <alignment horizontal="center" vertical="center"/>
    </xf>
    <xf numFmtId="0" fontId="0" fillId="18" borderId="23" xfId="45" applyFont="1" applyFill="1" applyBorder="1" applyAlignment="1">
      <alignment horizontal="right" vertical="center"/>
    </xf>
    <xf numFmtId="20" fontId="1" fillId="18" borderId="23" xfId="45" applyNumberFormat="1" applyFont="1" applyFill="1" applyBorder="1" applyAlignment="1">
      <alignment horizontal="right" vertical="center"/>
    </xf>
    <xf numFmtId="20" fontId="1" fillId="18" borderId="23" xfId="45" applyNumberFormat="1" applyFill="1" applyBorder="1" applyAlignment="1">
      <alignment vertical="center"/>
    </xf>
    <xf numFmtId="0" fontId="1" fillId="18" borderId="23" xfId="45" applyFill="1" applyBorder="1" applyAlignment="1">
      <alignment vertical="center"/>
    </xf>
    <xf numFmtId="20" fontId="13" fillId="18" borderId="23" xfId="45" applyNumberFormat="1" applyFont="1" applyFill="1" applyBorder="1" applyAlignment="1">
      <alignment horizontal="center" vertical="center"/>
    </xf>
    <xf numFmtId="20" fontId="13" fillId="18" borderId="20" xfId="45" applyNumberFormat="1" applyFont="1" applyFill="1" applyBorder="1" applyAlignment="1">
      <alignment horizontal="center" vertical="center"/>
    </xf>
    <xf numFmtId="0" fontId="0" fillId="18" borderId="23" xfId="45" applyFont="1" applyFill="1" applyBorder="1" applyAlignment="1">
      <alignment vertical="center"/>
    </xf>
    <xf numFmtId="0" fontId="1" fillId="18" borderId="16" xfId="45" applyFont="1" applyFill="1" applyBorder="1" applyAlignment="1">
      <alignment vertical="center"/>
    </xf>
    <xf numFmtId="0" fontId="6" fillId="0" borderId="0" xfId="0" applyFont="1" applyAlignment="1">
      <alignment horizontal="center"/>
    </xf>
    <xf numFmtId="0" fontId="0" fillId="0" borderId="0" xfId="0" applyFont="1"/>
    <xf numFmtId="0" fontId="0" fillId="0" borderId="23" xfId="0" applyFont="1" applyBorder="1" applyAlignment="1">
      <alignment horizontal="center" vertical="center"/>
    </xf>
    <xf numFmtId="0" fontId="0" fillId="0" borderId="0" xfId="0" applyAlignment="1">
      <alignment horizontal="center"/>
    </xf>
    <xf numFmtId="0" fontId="0" fillId="0" borderId="0" xfId="47" applyFont="1" applyFill="1">
      <alignment vertical="center"/>
    </xf>
    <xf numFmtId="0" fontId="37" fillId="0" borderId="0" xfId="47" applyFont="1" applyFill="1" applyAlignment="1">
      <alignment vertical="center"/>
    </xf>
    <xf numFmtId="0" fontId="33" fillId="0" borderId="0" xfId="47" applyFont="1" applyFill="1">
      <alignment vertical="center"/>
    </xf>
    <xf numFmtId="0" fontId="38" fillId="0" borderId="0" xfId="47" applyFont="1" applyFill="1">
      <alignment vertical="center"/>
    </xf>
    <xf numFmtId="0" fontId="33" fillId="0" borderId="0" xfId="47" applyFont="1" applyFill="1" applyAlignment="1">
      <alignment horizontal="center" vertical="center"/>
    </xf>
    <xf numFmtId="0" fontId="33" fillId="0" borderId="0" xfId="47" applyFont="1" applyFill="1" applyAlignment="1">
      <alignment vertical="center"/>
    </xf>
    <xf numFmtId="0" fontId="33" fillId="0" borderId="0" xfId="47" applyFont="1" applyFill="1" applyAlignment="1">
      <alignment vertical="center" wrapText="1"/>
    </xf>
    <xf numFmtId="0" fontId="33" fillId="0" borderId="0" xfId="47" applyFont="1" applyFill="1" applyBorder="1" applyAlignment="1">
      <alignment vertical="center" wrapText="1"/>
    </xf>
    <xf numFmtId="0" fontId="38" fillId="0" borderId="0" xfId="47" applyFont="1" applyFill="1" applyAlignment="1">
      <alignment vertical="center" wrapText="1"/>
    </xf>
    <xf numFmtId="0" fontId="33" fillId="0" borderId="0" xfId="47" applyFont="1" applyFill="1" applyAlignment="1">
      <alignment horizontal="left" vertical="center"/>
    </xf>
    <xf numFmtId="0" fontId="33" fillId="0" borderId="0" xfId="47" applyFont="1" applyFill="1" applyAlignment="1">
      <alignment horizontal="right" vertical="center" wrapText="1"/>
    </xf>
    <xf numFmtId="0" fontId="40" fillId="0" borderId="0" xfId="47" applyFont="1" applyFill="1" applyAlignment="1">
      <alignment vertical="center" wrapText="1"/>
    </xf>
    <xf numFmtId="0" fontId="1" fillId="0" borderId="0" xfId="47" applyFont="1" applyFill="1" applyAlignment="1">
      <alignment vertical="center" wrapText="1"/>
    </xf>
    <xf numFmtId="0" fontId="6" fillId="0" borderId="0" xfId="47" applyFont="1" applyFill="1" applyAlignment="1">
      <alignment horizontal="right" vertical="center" wrapText="1"/>
    </xf>
    <xf numFmtId="0" fontId="41" fillId="0" borderId="0" xfId="47" applyFont="1" applyFill="1">
      <alignment vertical="center"/>
    </xf>
    <xf numFmtId="0" fontId="38" fillId="0" borderId="0" xfId="47" applyFont="1" applyFill="1" applyAlignment="1">
      <alignment horizontal="center" vertical="center"/>
    </xf>
    <xf numFmtId="0" fontId="33" fillId="0" borderId="0" xfId="47" applyFont="1" applyFill="1" applyBorder="1">
      <alignment vertical="center"/>
    </xf>
    <xf numFmtId="0" fontId="33" fillId="0" borderId="23" xfId="47" applyFont="1" applyFill="1" applyBorder="1" applyAlignment="1">
      <alignment horizontal="center" vertical="center" wrapText="1"/>
    </xf>
    <xf numFmtId="0" fontId="33" fillId="0" borderId="2" xfId="47" applyFont="1" applyFill="1" applyBorder="1" applyAlignment="1">
      <alignment horizontal="center" vertical="center" wrapText="1"/>
    </xf>
    <xf numFmtId="0" fontId="43" fillId="0" borderId="44" xfId="47" applyFont="1" applyFill="1" applyBorder="1" applyAlignment="1">
      <alignment horizontal="center" vertical="center"/>
    </xf>
    <xf numFmtId="0" fontId="43" fillId="0" borderId="45" xfId="47" applyFont="1" applyFill="1" applyBorder="1" applyAlignment="1">
      <alignment horizontal="center" vertical="center"/>
    </xf>
    <xf numFmtId="0" fontId="43" fillId="0" borderId="46" xfId="47" applyFont="1" applyFill="1" applyBorder="1" applyAlignment="1">
      <alignment horizontal="center" vertical="center"/>
    </xf>
    <xf numFmtId="0" fontId="43" fillId="0" borderId="48" xfId="47" applyFont="1" applyFill="1" applyBorder="1" applyAlignment="1">
      <alignment horizontal="center" vertical="center"/>
    </xf>
    <xf numFmtId="0" fontId="43" fillId="0" borderId="49" xfId="47" applyFont="1" applyFill="1" applyBorder="1" applyAlignment="1">
      <alignment horizontal="center" vertical="center"/>
    </xf>
    <xf numFmtId="0" fontId="43" fillId="0" borderId="50" xfId="47" applyFont="1" applyFill="1" applyBorder="1" applyAlignment="1">
      <alignment horizontal="center" vertical="center"/>
    </xf>
    <xf numFmtId="0" fontId="43" fillId="0" borderId="52" xfId="47" applyFont="1" applyFill="1" applyBorder="1" applyAlignment="1">
      <alignment horizontal="center" vertical="center"/>
    </xf>
    <xf numFmtId="0" fontId="43" fillId="0" borderId="53" xfId="47" applyFont="1" applyFill="1" applyBorder="1" applyAlignment="1">
      <alignment horizontal="center" vertical="center"/>
    </xf>
    <xf numFmtId="0" fontId="43" fillId="0" borderId="54" xfId="47" applyFont="1" applyFill="1" applyBorder="1" applyAlignment="1">
      <alignment horizontal="center" vertical="center"/>
    </xf>
    <xf numFmtId="0" fontId="43" fillId="0" borderId="55" xfId="47" applyFont="1" applyFill="1" applyBorder="1" applyAlignment="1">
      <alignment horizontal="center" vertical="center"/>
    </xf>
    <xf numFmtId="0" fontId="43" fillId="0" borderId="56" xfId="47" applyFont="1" applyFill="1" applyBorder="1" applyAlignment="1">
      <alignment horizontal="center" vertical="center"/>
    </xf>
    <xf numFmtId="0" fontId="43" fillId="0" borderId="57" xfId="47" applyFont="1" applyFill="1" applyBorder="1" applyAlignment="1">
      <alignment horizontal="center" vertical="center"/>
    </xf>
    <xf numFmtId="0" fontId="38" fillId="0" borderId="0" xfId="47" applyFont="1" applyFill="1" applyBorder="1">
      <alignment vertical="center"/>
    </xf>
    <xf numFmtId="0" fontId="38" fillId="0" borderId="0" xfId="47" applyFont="1" applyFill="1" applyBorder="1" applyAlignment="1">
      <alignment horizontal="center" vertical="center"/>
    </xf>
    <xf numFmtId="0" fontId="43" fillId="0" borderId="44" xfId="47" applyFont="1" applyFill="1" applyBorder="1" applyAlignment="1">
      <alignment horizontal="center" vertical="center" shrinkToFit="1"/>
    </xf>
    <xf numFmtId="0" fontId="43" fillId="0" borderId="48" xfId="47" applyFont="1" applyFill="1" applyBorder="1" applyAlignment="1">
      <alignment horizontal="center" vertical="center" shrinkToFit="1"/>
    </xf>
    <xf numFmtId="0" fontId="43" fillId="0" borderId="55" xfId="47" applyFont="1" applyFill="1" applyBorder="1" applyAlignment="1">
      <alignment horizontal="center" vertical="center" shrinkToFit="1"/>
    </xf>
    <xf numFmtId="0" fontId="34" fillId="0" borderId="0" xfId="47" applyFont="1" applyFill="1" applyBorder="1" applyAlignment="1">
      <alignment vertical="center" wrapText="1"/>
    </xf>
    <xf numFmtId="0" fontId="38" fillId="0" borderId="0" xfId="47" applyFont="1" applyFill="1" applyBorder="1" applyAlignment="1">
      <alignment horizontal="distributed" vertical="center"/>
    </xf>
    <xf numFmtId="177" fontId="44" fillId="0" borderId="0" xfId="47" applyNumberFormat="1" applyFont="1" applyFill="1" applyBorder="1" applyAlignment="1">
      <alignment horizontal="center" vertical="center"/>
    </xf>
    <xf numFmtId="49" fontId="34" fillId="0" borderId="0" xfId="47" applyNumberFormat="1" applyFont="1" applyFill="1" applyBorder="1" applyAlignment="1">
      <alignment horizontal="left" vertical="center" wrapText="1"/>
    </xf>
    <xf numFmtId="0" fontId="43" fillId="0" borderId="26" xfId="47" applyFont="1" applyFill="1" applyBorder="1" applyAlignment="1">
      <alignment horizontal="center" vertical="center" shrinkToFit="1"/>
    </xf>
    <xf numFmtId="0" fontId="43" fillId="0" borderId="25" xfId="47" applyFont="1" applyFill="1" applyBorder="1" applyAlignment="1">
      <alignment horizontal="center" vertical="center" shrinkToFit="1"/>
    </xf>
    <xf numFmtId="0" fontId="31" fillId="0" borderId="0" xfId="47" applyFont="1" applyFill="1" applyBorder="1">
      <alignment vertical="center"/>
    </xf>
    <xf numFmtId="0" fontId="0" fillId="0" borderId="0" xfId="47" applyFont="1" applyFill="1" applyBorder="1" applyAlignment="1">
      <alignment horizontal="center" vertical="center"/>
    </xf>
    <xf numFmtId="0" fontId="31" fillId="0" borderId="0" xfId="47" applyFont="1" applyFill="1">
      <alignment vertical="center"/>
    </xf>
    <xf numFmtId="0" fontId="0" fillId="0" borderId="0" xfId="47" applyFont="1" applyFill="1" applyAlignment="1">
      <alignment horizontal="center" vertical="center"/>
    </xf>
    <xf numFmtId="0" fontId="33" fillId="0" borderId="0" xfId="47" applyFont="1" applyFill="1" applyAlignment="1">
      <alignment vertical="center" shrinkToFit="1"/>
    </xf>
    <xf numFmtId="49" fontId="47" fillId="0" borderId="44" xfId="47" applyNumberFormat="1" applyFont="1" applyFill="1" applyBorder="1" applyAlignment="1">
      <alignment horizontal="center" vertical="center" shrinkToFit="1"/>
    </xf>
    <xf numFmtId="49" fontId="47" fillId="0" borderId="48" xfId="47" applyNumberFormat="1" applyFont="1" applyFill="1" applyBorder="1" applyAlignment="1">
      <alignment horizontal="center" vertical="center" shrinkToFit="1"/>
    </xf>
    <xf numFmtId="49" fontId="47" fillId="0" borderId="52" xfId="47" applyNumberFormat="1" applyFont="1" applyFill="1" applyBorder="1" applyAlignment="1">
      <alignment horizontal="center" vertical="center" shrinkToFit="1"/>
    </xf>
    <xf numFmtId="49" fontId="47" fillId="0" borderId="55" xfId="47" applyNumberFormat="1" applyFont="1" applyFill="1" applyBorder="1" applyAlignment="1">
      <alignment horizontal="center" vertical="center" shrinkToFit="1"/>
    </xf>
    <xf numFmtId="0" fontId="43" fillId="18" borderId="50" xfId="47" applyFont="1" applyFill="1" applyBorder="1" applyAlignment="1">
      <alignment horizontal="left" vertical="center" shrinkToFit="1"/>
    </xf>
    <xf numFmtId="0" fontId="43" fillId="18" borderId="59" xfId="47" applyFont="1" applyFill="1" applyBorder="1" applyAlignment="1">
      <alignment horizontal="left" vertical="center" shrinkToFit="1"/>
    </xf>
    <xf numFmtId="0" fontId="1" fillId="18" borderId="20" xfId="45" applyFill="1" applyBorder="1" applyAlignment="1">
      <alignment vertical="center"/>
    </xf>
    <xf numFmtId="0" fontId="0" fillId="18" borderId="23" xfId="45" applyFont="1" applyFill="1" applyBorder="1" applyAlignment="1">
      <alignment horizontal="center" vertical="center"/>
    </xf>
    <xf numFmtId="0" fontId="0" fillId="19" borderId="23" xfId="45" applyFont="1" applyFill="1" applyBorder="1" applyAlignment="1">
      <alignment horizontal="right" vertical="center"/>
    </xf>
    <xf numFmtId="0" fontId="0" fillId="19" borderId="23" xfId="45" applyFont="1" applyFill="1" applyBorder="1" applyAlignment="1">
      <alignment horizontal="center" vertical="center"/>
    </xf>
    <xf numFmtId="20" fontId="1" fillId="19" borderId="23" xfId="45" applyNumberFormat="1" applyFont="1" applyFill="1" applyBorder="1" applyAlignment="1">
      <alignment horizontal="right" vertical="center"/>
    </xf>
    <xf numFmtId="20" fontId="1" fillId="19" borderId="23" xfId="45" applyNumberFormat="1" applyFill="1" applyBorder="1" applyAlignment="1">
      <alignment vertical="center"/>
    </xf>
    <xf numFmtId="0" fontId="0" fillId="19" borderId="23" xfId="45" applyFont="1" applyFill="1" applyBorder="1" applyAlignment="1">
      <alignment vertical="center"/>
    </xf>
    <xf numFmtId="0" fontId="6" fillId="0" borderId="0" xfId="0" applyFont="1" applyAlignment="1">
      <alignment horizontal="center"/>
    </xf>
    <xf numFmtId="0" fontId="1" fillId="0" borderId="23" xfId="0" applyFont="1" applyBorder="1" applyAlignment="1">
      <alignment vertical="center"/>
    </xf>
    <xf numFmtId="0" fontId="4" fillId="0" borderId="23" xfId="0" applyFont="1" applyBorder="1"/>
    <xf numFmtId="0" fontId="1" fillId="0" borderId="20" xfId="0" applyFont="1" applyBorder="1" applyAlignment="1">
      <alignment vertical="center"/>
    </xf>
    <xf numFmtId="0" fontId="36" fillId="0" borderId="0" xfId="0" applyFont="1" applyAlignment="1"/>
    <xf numFmtId="0" fontId="1" fillId="19" borderId="23" xfId="45" applyFill="1" applyBorder="1" applyAlignment="1">
      <alignment vertical="center"/>
    </xf>
    <xf numFmtId="20" fontId="13" fillId="19" borderId="23" xfId="45" applyNumberFormat="1" applyFont="1" applyFill="1" applyBorder="1" applyAlignment="1">
      <alignment horizontal="center" vertical="center"/>
    </xf>
    <xf numFmtId="20" fontId="13" fillId="19" borderId="20" xfId="45" applyNumberFormat="1" applyFont="1" applyFill="1" applyBorder="1" applyAlignment="1">
      <alignment horizontal="center" vertical="center"/>
    </xf>
    <xf numFmtId="0" fontId="0" fillId="20" borderId="23" xfId="45" applyFont="1" applyFill="1" applyBorder="1" applyAlignment="1">
      <alignment horizontal="right" vertical="center"/>
    </xf>
    <xf numFmtId="0" fontId="0" fillId="20" borderId="23" xfId="45" applyFont="1" applyFill="1" applyBorder="1" applyAlignment="1">
      <alignment horizontal="center" vertical="center"/>
    </xf>
    <xf numFmtId="20" fontId="1" fillId="20" borderId="23" xfId="45" applyNumberFormat="1" applyFont="1" applyFill="1" applyBorder="1" applyAlignment="1">
      <alignment horizontal="right" vertical="center"/>
    </xf>
    <xf numFmtId="20" fontId="1" fillId="20" borderId="23" xfId="45" applyNumberFormat="1" applyFill="1" applyBorder="1" applyAlignment="1">
      <alignment vertical="center"/>
    </xf>
    <xf numFmtId="0" fontId="0" fillId="20" borderId="23" xfId="45" applyFont="1" applyFill="1" applyBorder="1" applyAlignment="1">
      <alignment vertical="center"/>
    </xf>
    <xf numFmtId="20" fontId="13" fillId="20" borderId="23" xfId="45" applyNumberFormat="1" applyFont="1" applyFill="1" applyBorder="1" applyAlignment="1">
      <alignment horizontal="center" vertical="center"/>
    </xf>
    <xf numFmtId="0" fontId="33" fillId="0" borderId="23" xfId="0" applyFont="1" applyBorder="1" applyAlignment="1">
      <alignment horizontal="center" vertical="center" wrapText="1"/>
    </xf>
    <xf numFmtId="0" fontId="6" fillId="0" borderId="0" xfId="0" applyFont="1" applyAlignment="1">
      <alignment horizontal="center"/>
    </xf>
    <xf numFmtId="0" fontId="1" fillId="0" borderId="2" xfId="0" applyFont="1" applyBorder="1" applyAlignment="1">
      <alignment horizontal="center" vertical="center"/>
    </xf>
    <xf numFmtId="0" fontId="0" fillId="18" borderId="24" xfId="45" applyFont="1" applyFill="1" applyBorder="1" applyAlignment="1">
      <alignment horizontal="center" vertical="center"/>
    </xf>
    <xf numFmtId="0" fontId="1" fillId="18" borderId="20" xfId="45" applyFill="1" applyBorder="1" applyAlignment="1">
      <alignment horizontal="center" vertical="center"/>
    </xf>
    <xf numFmtId="0" fontId="4" fillId="18" borderId="0" xfId="45" applyFont="1" applyFill="1" applyAlignment="1">
      <alignment horizontal="center"/>
    </xf>
    <xf numFmtId="0" fontId="0" fillId="18" borderId="20" xfId="45" applyFont="1" applyFill="1" applyBorder="1" applyAlignment="1">
      <alignment horizontal="center" vertical="center"/>
    </xf>
    <xf numFmtId="0" fontId="0" fillId="0" borderId="36" xfId="0" applyBorder="1" applyAlignment="1">
      <alignment horizontal="center" vertical="center"/>
    </xf>
    <xf numFmtId="0" fontId="0" fillId="0" borderId="38" xfId="0" applyBorder="1" applyAlignment="1">
      <alignment horizontal="center" vertical="center"/>
    </xf>
    <xf numFmtId="0" fontId="0" fillId="0" borderId="40" xfId="0" applyBorder="1" applyAlignment="1">
      <alignment horizontal="center" vertical="center" textRotation="255"/>
    </xf>
    <xf numFmtId="0" fontId="0" fillId="0" borderId="39" xfId="0" applyBorder="1" applyAlignment="1">
      <alignment horizontal="center" vertical="center"/>
    </xf>
    <xf numFmtId="0" fontId="0" fillId="0" borderId="23" xfId="0" applyBorder="1" applyAlignment="1">
      <alignment horizontal="center"/>
    </xf>
    <xf numFmtId="0" fontId="0" fillId="0" borderId="33" xfId="0" applyBorder="1" applyAlignment="1">
      <alignment horizontal="center"/>
    </xf>
    <xf numFmtId="0" fontId="10" fillId="0" borderId="41" xfId="0" applyFont="1" applyBorder="1" applyAlignment="1">
      <alignment horizontal="center" vertical="center" textRotation="255" wrapText="1"/>
    </xf>
    <xf numFmtId="0" fontId="0" fillId="0" borderId="32" xfId="0" applyBorder="1" applyAlignment="1">
      <alignment horizontal="center" vertical="center" textRotation="255" wrapText="1"/>
    </xf>
    <xf numFmtId="0" fontId="5" fillId="0" borderId="42" xfId="0" applyFont="1" applyBorder="1" applyAlignment="1">
      <alignment horizontal="left" vertical="center" wrapText="1"/>
    </xf>
    <xf numFmtId="0" fontId="5" fillId="0" borderId="27" xfId="0" applyFont="1" applyBorder="1" applyAlignment="1">
      <alignment horizontal="left" vertical="center"/>
    </xf>
    <xf numFmtId="0" fontId="5" fillId="0" borderId="28" xfId="0" applyFont="1" applyBorder="1" applyAlignment="1">
      <alignment horizontal="left" vertical="center"/>
    </xf>
    <xf numFmtId="0" fontId="5" fillId="0" borderId="43" xfId="0" applyFont="1" applyBorder="1" applyAlignment="1">
      <alignment horizontal="left" vertical="center"/>
    </xf>
    <xf numFmtId="0" fontId="5" fillId="0" borderId="29" xfId="0" applyFont="1" applyBorder="1" applyAlignment="1">
      <alignment horizontal="left" vertical="center"/>
    </xf>
    <xf numFmtId="0" fontId="5" fillId="0" borderId="30" xfId="0" applyFont="1" applyBorder="1" applyAlignment="1">
      <alignment horizontal="left" vertical="center"/>
    </xf>
    <xf numFmtId="0" fontId="0" fillId="0" borderId="37" xfId="0" applyBorder="1" applyAlignment="1">
      <alignment horizontal="center" vertical="center"/>
    </xf>
    <xf numFmtId="0" fontId="5" fillId="0" borderId="0" xfId="0" applyFont="1" applyAlignment="1">
      <alignment horizontal="center"/>
    </xf>
    <xf numFmtId="0" fontId="0" fillId="0" borderId="31" xfId="0" applyBorder="1" applyAlignment="1">
      <alignment horizontal="center" vertical="center" textRotation="255" wrapText="1"/>
    </xf>
    <xf numFmtId="0" fontId="0" fillId="0" borderId="34" xfId="0" applyBorder="1" applyAlignment="1">
      <alignment horizontal="center"/>
    </xf>
    <xf numFmtId="0" fontId="0" fillId="0" borderId="35" xfId="0" applyBorder="1" applyAlignment="1">
      <alignment horizontal="center"/>
    </xf>
    <xf numFmtId="0" fontId="33" fillId="0" borderId="0" xfId="47" applyFont="1" applyFill="1" applyAlignment="1">
      <alignment horizontal="right" vertical="center"/>
    </xf>
    <xf numFmtId="0" fontId="33" fillId="0" borderId="0" xfId="47" applyFont="1" applyFill="1" applyAlignment="1">
      <alignment vertical="center"/>
    </xf>
    <xf numFmtId="0" fontId="32" fillId="0" borderId="0" xfId="47" applyFont="1" applyFill="1" applyAlignment="1">
      <alignment horizontal="center" vertical="center"/>
    </xf>
    <xf numFmtId="0" fontId="33" fillId="0" borderId="0" xfId="47" applyFont="1" applyFill="1" applyAlignment="1">
      <alignment vertical="center" wrapText="1"/>
    </xf>
    <xf numFmtId="0" fontId="31" fillId="0" borderId="0" xfId="47" applyFont="1" applyFill="1" applyAlignment="1">
      <alignment horizontal="right" vertical="center"/>
    </xf>
    <xf numFmtId="0" fontId="41" fillId="0" borderId="17" xfId="47" applyFont="1" applyFill="1" applyBorder="1" applyAlignment="1">
      <alignment vertical="center"/>
    </xf>
    <xf numFmtId="0" fontId="41" fillId="0" borderId="24" xfId="47" applyFont="1" applyFill="1" applyBorder="1" applyAlignment="1">
      <alignment horizontal="center" vertical="center"/>
    </xf>
    <xf numFmtId="0" fontId="41" fillId="0" borderId="2" xfId="47" applyFont="1" applyFill="1" applyBorder="1" applyAlignment="1">
      <alignment horizontal="center" vertical="center"/>
    </xf>
    <xf numFmtId="0" fontId="41" fillId="0" borderId="20" xfId="47" applyFont="1" applyFill="1" applyBorder="1" applyAlignment="1">
      <alignment horizontal="center" vertical="center"/>
    </xf>
    <xf numFmtId="0" fontId="41" fillId="0" borderId="23" xfId="47" applyFont="1" applyFill="1" applyBorder="1" applyAlignment="1">
      <alignment horizontal="center" vertical="center" wrapText="1"/>
    </xf>
    <xf numFmtId="0" fontId="46" fillId="0" borderId="24" xfId="47" applyFont="1" applyFill="1" applyBorder="1" applyAlignment="1">
      <alignment horizontal="center" vertical="center" wrapText="1"/>
    </xf>
    <xf numFmtId="0" fontId="46" fillId="0" borderId="2" xfId="47" applyFont="1" applyFill="1" applyBorder="1" applyAlignment="1">
      <alignment horizontal="center" vertical="center" wrapText="1"/>
    </xf>
    <xf numFmtId="0" fontId="46" fillId="0" borderId="20" xfId="47" applyFont="1" applyFill="1" applyBorder="1" applyAlignment="1">
      <alignment horizontal="center" vertical="center" wrapText="1"/>
    </xf>
    <xf numFmtId="0" fontId="42" fillId="0" borderId="24" xfId="47" applyFont="1" applyFill="1" applyBorder="1" applyAlignment="1">
      <alignment horizontal="center" vertical="center" wrapText="1"/>
    </xf>
    <xf numFmtId="0" fontId="42" fillId="0" borderId="2" xfId="47" applyFont="1" applyFill="1" applyBorder="1" applyAlignment="1">
      <alignment horizontal="center" vertical="center" wrapText="1"/>
    </xf>
    <xf numFmtId="0" fontId="42" fillId="0" borderId="20" xfId="47" applyFont="1" applyFill="1" applyBorder="1" applyAlignment="1">
      <alignment horizontal="center" vertical="center" wrapText="1"/>
    </xf>
    <xf numFmtId="0" fontId="42" fillId="0" borderId="24" xfId="47" applyFont="1" applyFill="1" applyBorder="1" applyAlignment="1">
      <alignment vertical="center" wrapText="1" shrinkToFit="1"/>
    </xf>
    <xf numFmtId="0" fontId="42" fillId="0" borderId="2" xfId="47" applyFont="1" applyFill="1" applyBorder="1" applyAlignment="1">
      <alignment vertical="center" shrinkToFit="1"/>
    </xf>
    <xf numFmtId="0" fontId="42" fillId="0" borderId="20" xfId="47" applyFont="1" applyFill="1" applyBorder="1" applyAlignment="1">
      <alignment vertical="center" shrinkToFit="1"/>
    </xf>
    <xf numFmtId="0" fontId="41" fillId="0" borderId="17" xfId="47" applyFont="1" applyFill="1" applyBorder="1" applyAlignment="1">
      <alignment vertical="center" wrapText="1"/>
    </xf>
    <xf numFmtId="0" fontId="41" fillId="0" borderId="12" xfId="47" applyFont="1" applyFill="1" applyBorder="1" applyAlignment="1">
      <alignment horizontal="center" vertical="center" wrapText="1"/>
    </xf>
    <xf numFmtId="0" fontId="38" fillId="0" borderId="14" xfId="47" applyFont="1" applyFill="1" applyBorder="1" applyAlignment="1">
      <alignment horizontal="center" vertical="center" wrapText="1"/>
    </xf>
    <xf numFmtId="0" fontId="38" fillId="0" borderId="19" xfId="47" applyFont="1" applyFill="1" applyBorder="1" applyAlignment="1">
      <alignment horizontal="center" vertical="center" wrapText="1"/>
    </xf>
    <xf numFmtId="0" fontId="38" fillId="0" borderId="18" xfId="47" applyFont="1" applyFill="1" applyBorder="1" applyAlignment="1">
      <alignment horizontal="center" vertical="center" wrapText="1"/>
    </xf>
    <xf numFmtId="0" fontId="41" fillId="0" borderId="24" xfId="47" applyFont="1" applyFill="1" applyBorder="1" applyAlignment="1">
      <alignment horizontal="center" vertical="center" shrinkToFit="1"/>
    </xf>
    <xf numFmtId="0" fontId="38" fillId="0" borderId="2" xfId="47" applyFont="1" applyFill="1" applyBorder="1" applyAlignment="1">
      <alignment horizontal="center" vertical="center" shrinkToFit="1"/>
    </xf>
    <xf numFmtId="0" fontId="38" fillId="0" borderId="20" xfId="47" applyFont="1" applyFill="1" applyBorder="1" applyAlignment="1">
      <alignment horizontal="center" vertical="center" shrinkToFit="1"/>
    </xf>
    <xf numFmtId="0" fontId="41" fillId="0" borderId="2" xfId="47" applyFont="1" applyFill="1" applyBorder="1" applyAlignment="1">
      <alignment horizontal="center" vertical="center" shrinkToFit="1"/>
    </xf>
    <xf numFmtId="0" fontId="41" fillId="0" borderId="12" xfId="47" applyFont="1" applyFill="1" applyBorder="1" applyAlignment="1">
      <alignment horizontal="center" vertical="center"/>
    </xf>
    <xf numFmtId="0" fontId="41" fillId="0" borderId="13" xfId="47" applyFont="1" applyFill="1" applyBorder="1" applyAlignment="1">
      <alignment horizontal="center" vertical="center"/>
    </xf>
    <xf numFmtId="0" fontId="41" fillId="0" borderId="14" xfId="47" applyFont="1" applyFill="1" applyBorder="1" applyAlignment="1">
      <alignment horizontal="center" vertical="center"/>
    </xf>
    <xf numFmtId="0" fontId="41" fillId="0" borderId="19" xfId="47" applyFont="1" applyFill="1" applyBorder="1" applyAlignment="1">
      <alignment horizontal="center" vertical="center"/>
    </xf>
    <xf numFmtId="0" fontId="41" fillId="0" borderId="17" xfId="47" applyFont="1" applyFill="1" applyBorder="1" applyAlignment="1">
      <alignment horizontal="center" vertical="center"/>
    </xf>
    <xf numFmtId="0" fontId="41" fillId="0" borderId="18" xfId="47" applyFont="1" applyFill="1" applyBorder="1" applyAlignment="1">
      <alignment horizontal="center" vertical="center"/>
    </xf>
    <xf numFmtId="0" fontId="43" fillId="0" borderId="12" xfId="47" applyFont="1" applyFill="1" applyBorder="1" applyAlignment="1">
      <alignment horizontal="left" vertical="center" wrapText="1"/>
    </xf>
    <xf numFmtId="0" fontId="43" fillId="0" borderId="14" xfId="47" applyFont="1" applyFill="1" applyBorder="1" applyAlignment="1">
      <alignment horizontal="left" vertical="center" wrapText="1"/>
    </xf>
    <xf numFmtId="0" fontId="43" fillId="0" borderId="15" xfId="47" applyFont="1" applyFill="1" applyBorder="1" applyAlignment="1">
      <alignment horizontal="left" vertical="center" wrapText="1"/>
    </xf>
    <xf numFmtId="0" fontId="43" fillId="0" borderId="16" xfId="47" applyFont="1" applyFill="1" applyBorder="1" applyAlignment="1">
      <alignment horizontal="left" vertical="center" wrapText="1"/>
    </xf>
    <xf numFmtId="0" fontId="43" fillId="0" borderId="19" xfId="47" applyFont="1" applyFill="1" applyBorder="1" applyAlignment="1">
      <alignment horizontal="left" vertical="center" wrapText="1"/>
    </xf>
    <xf numFmtId="0" fontId="43" fillId="0" borderId="18" xfId="47" applyFont="1" applyFill="1" applyBorder="1" applyAlignment="1">
      <alignment horizontal="left" vertical="center" wrapText="1"/>
    </xf>
    <xf numFmtId="49" fontId="43" fillId="0" borderId="47" xfId="47" applyNumberFormat="1" applyFont="1" applyFill="1" applyBorder="1" applyAlignment="1">
      <alignment horizontal="left" vertical="center" shrinkToFit="1"/>
    </xf>
    <xf numFmtId="49" fontId="43" fillId="0" borderId="45" xfId="47" applyNumberFormat="1" applyFont="1" applyFill="1" applyBorder="1" applyAlignment="1">
      <alignment horizontal="left" vertical="center" shrinkToFit="1"/>
    </xf>
    <xf numFmtId="49" fontId="43" fillId="0" borderId="46" xfId="47" applyNumberFormat="1" applyFont="1" applyFill="1" applyBorder="1" applyAlignment="1">
      <alignment horizontal="left" vertical="center" shrinkToFit="1"/>
    </xf>
    <xf numFmtId="49" fontId="43" fillId="0" borderId="51" xfId="47" applyNumberFormat="1" applyFont="1" applyFill="1" applyBorder="1" applyAlignment="1">
      <alignment horizontal="left" vertical="center" shrinkToFit="1"/>
    </xf>
    <xf numFmtId="49" fontId="43" fillId="0" borderId="49" xfId="47" applyNumberFormat="1" applyFont="1" applyFill="1" applyBorder="1" applyAlignment="1">
      <alignment horizontal="left" vertical="center" shrinkToFit="1"/>
    </xf>
    <xf numFmtId="49" fontId="43" fillId="0" borderId="50" xfId="47" applyNumberFormat="1" applyFont="1" applyFill="1" applyBorder="1" applyAlignment="1">
      <alignment horizontal="left" vertical="center" shrinkToFit="1"/>
    </xf>
    <xf numFmtId="49" fontId="43" fillId="0" borderId="58" xfId="47" applyNumberFormat="1" applyFont="1" applyFill="1" applyBorder="1" applyAlignment="1">
      <alignment horizontal="left" vertical="center" shrinkToFit="1"/>
    </xf>
    <xf numFmtId="49" fontId="43" fillId="0" borderId="56" xfId="47" applyNumberFormat="1" applyFont="1" applyFill="1" applyBorder="1" applyAlignment="1">
      <alignment horizontal="left" vertical="center" shrinkToFit="1"/>
    </xf>
    <xf numFmtId="49" fontId="43" fillId="0" borderId="57" xfId="47" applyNumberFormat="1" applyFont="1" applyFill="1" applyBorder="1" applyAlignment="1">
      <alignment horizontal="left" vertical="center" shrinkToFit="1"/>
    </xf>
    <xf numFmtId="0" fontId="41" fillId="0" borderId="12" xfId="47" applyFont="1" applyFill="1" applyBorder="1" applyAlignment="1">
      <alignment horizontal="left" vertical="center"/>
    </xf>
    <xf numFmtId="0" fontId="41" fillId="0" borderId="13" xfId="47" applyFont="1" applyFill="1" applyBorder="1" applyAlignment="1">
      <alignment horizontal="left" vertical="center"/>
    </xf>
    <xf numFmtId="0" fontId="41" fillId="0" borderId="14" xfId="47" applyFont="1" applyFill="1" applyBorder="1" applyAlignment="1">
      <alignment horizontal="left" vertical="center"/>
    </xf>
    <xf numFmtId="0" fontId="43" fillId="0" borderId="19" xfId="47" applyFont="1" applyFill="1" applyBorder="1" applyAlignment="1">
      <alignment horizontal="left" vertical="top" wrapText="1"/>
    </xf>
    <xf numFmtId="0" fontId="43" fillId="0" borderId="17" xfId="47" applyFont="1" applyFill="1" applyBorder="1" applyAlignment="1">
      <alignment horizontal="left" vertical="top" wrapText="1"/>
    </xf>
    <xf numFmtId="0" fontId="43" fillId="0" borderId="18" xfId="47" applyFont="1" applyFill="1" applyBorder="1" applyAlignment="1">
      <alignment horizontal="left" vertical="top" wrapText="1"/>
    </xf>
    <xf numFmtId="0" fontId="41" fillId="0" borderId="23" xfId="47" applyFont="1" applyFill="1" applyBorder="1" applyAlignment="1">
      <alignment horizontal="center" vertical="center"/>
    </xf>
    <xf numFmtId="49" fontId="43" fillId="0" borderId="58" xfId="47" applyNumberFormat="1" applyFont="1" applyFill="1" applyBorder="1" applyAlignment="1">
      <alignment vertical="center" shrinkToFit="1"/>
    </xf>
    <xf numFmtId="49" fontId="43" fillId="0" borderId="56" xfId="47" applyNumberFormat="1" applyFont="1" applyFill="1" applyBorder="1" applyAlignment="1">
      <alignment vertical="center" shrinkToFit="1"/>
    </xf>
    <xf numFmtId="49" fontId="43" fillId="0" borderId="57" xfId="47" applyNumberFormat="1" applyFont="1" applyFill="1" applyBorder="1" applyAlignment="1">
      <alignment vertical="center" shrinkToFit="1"/>
    </xf>
    <xf numFmtId="0" fontId="41" fillId="0" borderId="17" xfId="47" applyFont="1" applyFill="1" applyBorder="1" applyAlignment="1">
      <alignment horizontal="left" vertical="center" wrapText="1"/>
    </xf>
    <xf numFmtId="0" fontId="41" fillId="0" borderId="23" xfId="47" applyFont="1" applyFill="1" applyBorder="1" applyAlignment="1">
      <alignment horizontal="center" vertical="center" shrinkToFit="1"/>
    </xf>
    <xf numFmtId="0" fontId="41" fillId="0" borderId="14" xfId="47" applyFont="1" applyFill="1" applyBorder="1" applyAlignment="1">
      <alignment horizontal="center" vertical="center" shrinkToFit="1"/>
    </xf>
    <xf numFmtId="0" fontId="41" fillId="0" borderId="18" xfId="47" applyFont="1" applyFill="1" applyBorder="1" applyAlignment="1">
      <alignment horizontal="center" vertical="center" shrinkToFit="1"/>
    </xf>
    <xf numFmtId="49" fontId="43" fillId="0" borderId="47" xfId="47" applyNumberFormat="1" applyFont="1" applyFill="1" applyBorder="1" applyAlignment="1">
      <alignment vertical="center" shrinkToFit="1"/>
    </xf>
    <xf numFmtId="49" fontId="43" fillId="0" borderId="45" xfId="47" applyNumberFormat="1" applyFont="1" applyFill="1" applyBorder="1" applyAlignment="1">
      <alignment vertical="center" shrinkToFit="1"/>
    </xf>
    <xf numFmtId="49" fontId="43" fillId="0" borderId="46" xfId="47" applyNumberFormat="1" applyFont="1" applyFill="1" applyBorder="1" applyAlignment="1">
      <alignment vertical="center" shrinkToFit="1"/>
    </xf>
    <xf numFmtId="49" fontId="43" fillId="0" borderId="51" xfId="47" applyNumberFormat="1" applyFont="1" applyFill="1" applyBorder="1" applyAlignment="1">
      <alignment vertical="center" shrinkToFit="1"/>
    </xf>
    <xf numFmtId="49" fontId="43" fillId="0" borderId="49" xfId="47" applyNumberFormat="1" applyFont="1" applyFill="1" applyBorder="1" applyAlignment="1">
      <alignment vertical="center" shrinkToFit="1"/>
    </xf>
    <xf numFmtId="49" fontId="43" fillId="0" borderId="50" xfId="47" applyNumberFormat="1" applyFont="1" applyFill="1" applyBorder="1" applyAlignment="1">
      <alignment vertical="center" shrinkToFit="1"/>
    </xf>
    <xf numFmtId="0" fontId="45" fillId="0" borderId="0" xfId="47" applyFont="1" applyFill="1" applyAlignment="1">
      <alignment vertical="center" wrapText="1"/>
    </xf>
    <xf numFmtId="0" fontId="33" fillId="0" borderId="14" xfId="48" applyFont="1" applyFill="1" applyBorder="1" applyAlignment="1">
      <alignment horizontal="left" vertical="center" wrapText="1"/>
    </xf>
    <xf numFmtId="0" fontId="33" fillId="0" borderId="15" xfId="48" applyFont="1" applyFill="1" applyBorder="1" applyAlignment="1">
      <alignment horizontal="left" vertical="center" wrapText="1"/>
    </xf>
    <xf numFmtId="0" fontId="33" fillId="0" borderId="16" xfId="48" applyFont="1" applyFill="1" applyBorder="1" applyAlignment="1">
      <alignment horizontal="left" vertical="center" wrapText="1"/>
    </xf>
    <xf numFmtId="0" fontId="33" fillId="0" borderId="19" xfId="48" applyFont="1" applyFill="1" applyBorder="1" applyAlignment="1">
      <alignment horizontal="left" vertical="center" wrapText="1"/>
    </xf>
    <xf numFmtId="0" fontId="33" fillId="0" borderId="18" xfId="48" applyFont="1" applyFill="1" applyBorder="1" applyAlignment="1">
      <alignment horizontal="left" vertical="center" wrapText="1"/>
    </xf>
    <xf numFmtId="49" fontId="43" fillId="18" borderId="47" xfId="47" applyNumberFormat="1" applyFont="1" applyFill="1" applyBorder="1" applyAlignment="1">
      <alignment horizontal="left" vertical="center" shrinkToFit="1"/>
    </xf>
    <xf numFmtId="49" fontId="43" fillId="18" borderId="45" xfId="47" applyNumberFormat="1" applyFont="1" applyFill="1" applyBorder="1" applyAlignment="1">
      <alignment horizontal="left" vertical="center" shrinkToFit="1"/>
    </xf>
    <xf numFmtId="49" fontId="43" fillId="18" borderId="51" xfId="47" applyNumberFormat="1" applyFont="1" applyFill="1" applyBorder="1" applyAlignment="1">
      <alignment horizontal="left" vertical="center" shrinkToFit="1"/>
    </xf>
    <xf numFmtId="49" fontId="43" fillId="18" borderId="49" xfId="47" applyNumberFormat="1" applyFont="1" applyFill="1" applyBorder="1" applyAlignment="1">
      <alignment horizontal="left" vertical="center" shrinkToFit="1"/>
    </xf>
    <xf numFmtId="49" fontId="43" fillId="18" borderId="50" xfId="47" applyNumberFormat="1" applyFont="1" applyFill="1" applyBorder="1" applyAlignment="1">
      <alignment horizontal="left" vertical="center" shrinkToFit="1"/>
    </xf>
    <xf numFmtId="49" fontId="43" fillId="18" borderId="58" xfId="47" applyNumberFormat="1" applyFont="1" applyFill="1" applyBorder="1" applyAlignment="1">
      <alignment horizontal="left" vertical="center" shrinkToFit="1"/>
    </xf>
    <xf numFmtId="49" fontId="43" fillId="18" borderId="56" xfId="47" applyNumberFormat="1" applyFont="1" applyFill="1" applyBorder="1" applyAlignment="1">
      <alignment horizontal="left" vertical="center" shrinkToFit="1"/>
    </xf>
    <xf numFmtId="49" fontId="43" fillId="18" borderId="57" xfId="47" applyNumberFormat="1" applyFont="1" applyFill="1" applyBorder="1" applyAlignment="1">
      <alignment horizontal="left" vertical="center" shrinkToFit="1"/>
    </xf>
    <xf numFmtId="0" fontId="3" fillId="0" borderId="0" xfId="0" applyFont="1" applyAlignment="1">
      <alignment horizontal="center"/>
    </xf>
    <xf numFmtId="0" fontId="36" fillId="0" borderId="0" xfId="0" applyFont="1" applyAlignment="1">
      <alignment horizontal="center"/>
    </xf>
  </cellXfs>
  <cellStyles count="49">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Calc Currency (0)" xfId="19"/>
    <cellStyle name="Header1" xfId="20"/>
    <cellStyle name="Header2" xfId="21"/>
    <cellStyle name="Normal_#18-Internet" xfId="22"/>
    <cellStyle name="アクセント 1" xfId="23" builtinId="29" customBuiltin="1"/>
    <cellStyle name="アクセント 2" xfId="24" builtinId="33" customBuiltin="1"/>
    <cellStyle name="アクセント 3" xfId="25" builtinId="37" customBuiltin="1"/>
    <cellStyle name="アクセント 4" xfId="26" builtinId="41" customBuiltin="1"/>
    <cellStyle name="アクセント 5" xfId="27" builtinId="45" customBuiltin="1"/>
    <cellStyle name="アクセント 6" xfId="28" builtinId="49" customBuiltin="1"/>
    <cellStyle name="タイトル" xfId="29" builtinId="15" customBuiltin="1"/>
    <cellStyle name="チェック セル" xfId="30" builtinId="23" customBuiltin="1"/>
    <cellStyle name="どちらでもない" xfId="31" builtinId="28" customBuiltin="1"/>
    <cellStyle name="メモ" xfId="32" builtinId="10" customBuiltin="1"/>
    <cellStyle name="リンク セル" xfId="33" builtinId="24" customBuiltin="1"/>
    <cellStyle name="悪い" xfId="34" builtinId="27" customBuiltin="1"/>
    <cellStyle name="計算" xfId="35" builtinId="22" customBuiltin="1"/>
    <cellStyle name="警告文" xfId="36" builtinId="11" customBuiltin="1"/>
    <cellStyle name="見出し 1" xfId="37" builtinId="16" customBuiltin="1"/>
    <cellStyle name="見出し 2" xfId="38" builtinId="17" customBuiltin="1"/>
    <cellStyle name="見出し 3" xfId="39" builtinId="18" customBuiltin="1"/>
    <cellStyle name="見出し 4" xfId="40" builtinId="19" customBuiltin="1"/>
    <cellStyle name="集計" xfId="41" builtinId="25" customBuiltin="1"/>
    <cellStyle name="出力" xfId="42" builtinId="21" customBuiltin="1"/>
    <cellStyle name="説明文" xfId="43" builtinId="53" customBuiltin="1"/>
    <cellStyle name="入力" xfId="44" builtinId="20" customBuiltin="1"/>
    <cellStyle name="標準" xfId="0" builtinId="0"/>
    <cellStyle name="標準 2" xfId="48"/>
    <cellStyle name="標準 3" xfId="47"/>
    <cellStyle name="標準_企業研修出席簿" xfId="45"/>
    <cellStyle name="良い" xfId="46" builtinId="26"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4</xdr:col>
      <xdr:colOff>531495</xdr:colOff>
      <xdr:row>1</xdr:row>
      <xdr:rowOff>95250</xdr:rowOff>
    </xdr:from>
    <xdr:to>
      <xdr:col>7</xdr:col>
      <xdr:colOff>415290</xdr:colOff>
      <xdr:row>2</xdr:row>
      <xdr:rowOff>133350</xdr:rowOff>
    </xdr:to>
    <xdr:sp macro="" textlink="">
      <xdr:nvSpPr>
        <xdr:cNvPr id="31751" name="Oval 1"/>
        <xdr:cNvSpPr>
          <a:spLocks noChangeArrowheads="1"/>
        </xdr:cNvSpPr>
      </xdr:nvSpPr>
      <xdr:spPr bwMode="auto">
        <a:xfrm>
          <a:off x="2802255" y="278130"/>
          <a:ext cx="1156335" cy="480060"/>
        </a:xfrm>
        <a:prstGeom prst="ellipse">
          <a:avLst/>
        </a:prstGeom>
        <a:noFill/>
        <a:ln w="9525">
          <a:solidFill>
            <a:srgbClr val="000000"/>
          </a:solidFill>
          <a:round/>
          <a:headEnd/>
          <a:tailEnd/>
        </a:ln>
      </xdr:spPr>
    </xdr:sp>
    <xdr:clientData/>
  </xdr:twoCellAnchor>
  <xdr:twoCellAnchor>
    <xdr:from>
      <xdr:col>9</xdr:col>
      <xdr:colOff>152401</xdr:colOff>
      <xdr:row>0</xdr:row>
      <xdr:rowOff>19050</xdr:rowOff>
    </xdr:from>
    <xdr:to>
      <xdr:col>9</xdr:col>
      <xdr:colOff>800101</xdr:colOff>
      <xdr:row>1</xdr:row>
      <xdr:rowOff>85725</xdr:rowOff>
    </xdr:to>
    <xdr:sp macro="" textlink="">
      <xdr:nvSpPr>
        <xdr:cNvPr id="31746" name="Text Box 2"/>
        <xdr:cNvSpPr txBox="1">
          <a:spLocks noChangeArrowheads="1"/>
        </xdr:cNvSpPr>
      </xdr:nvSpPr>
      <xdr:spPr bwMode="auto">
        <a:xfrm>
          <a:off x="5829301" y="19050"/>
          <a:ext cx="647700"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1</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333375</xdr:colOff>
      <xdr:row>1</xdr:row>
      <xdr:rowOff>87630</xdr:rowOff>
    </xdr:from>
    <xdr:to>
      <xdr:col>8</xdr:col>
      <xdr:colOff>781050</xdr:colOff>
      <xdr:row>2</xdr:row>
      <xdr:rowOff>125730</xdr:rowOff>
    </xdr:to>
    <xdr:sp macro="" textlink="">
      <xdr:nvSpPr>
        <xdr:cNvPr id="2" name="Oval 1"/>
        <xdr:cNvSpPr>
          <a:spLocks noChangeArrowheads="1"/>
        </xdr:cNvSpPr>
      </xdr:nvSpPr>
      <xdr:spPr bwMode="auto">
        <a:xfrm>
          <a:off x="3876675" y="270510"/>
          <a:ext cx="1156335" cy="480060"/>
        </a:xfrm>
        <a:prstGeom prst="ellipse">
          <a:avLst/>
        </a:prstGeom>
        <a:noFill/>
        <a:ln w="9525">
          <a:solidFill>
            <a:srgbClr val="000000"/>
          </a:solidFill>
          <a:round/>
          <a:headEnd/>
          <a:tailEnd/>
        </a:ln>
      </xdr:spPr>
    </xdr:sp>
    <xdr:clientData/>
  </xdr:twoCellAnchor>
  <xdr:twoCellAnchor>
    <xdr:from>
      <xdr:col>9</xdr:col>
      <xdr:colOff>133351</xdr:colOff>
      <xdr:row>0</xdr:row>
      <xdr:rowOff>19050</xdr:rowOff>
    </xdr:from>
    <xdr:to>
      <xdr:col>9</xdr:col>
      <xdr:colOff>800101</xdr:colOff>
      <xdr:row>1</xdr:row>
      <xdr:rowOff>85725</xdr:rowOff>
    </xdr:to>
    <xdr:sp macro="" textlink="">
      <xdr:nvSpPr>
        <xdr:cNvPr id="3" name="Text Box 2"/>
        <xdr:cNvSpPr txBox="1">
          <a:spLocks noChangeArrowheads="1"/>
        </xdr:cNvSpPr>
      </xdr:nvSpPr>
      <xdr:spPr bwMode="auto">
        <a:xfrm>
          <a:off x="5810251" y="19050"/>
          <a:ext cx="666750"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1</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7</xdr:col>
      <xdr:colOff>333375</xdr:colOff>
      <xdr:row>1</xdr:row>
      <xdr:rowOff>87630</xdr:rowOff>
    </xdr:from>
    <xdr:to>
      <xdr:col>8</xdr:col>
      <xdr:colOff>781050</xdr:colOff>
      <xdr:row>2</xdr:row>
      <xdr:rowOff>125730</xdr:rowOff>
    </xdr:to>
    <xdr:sp macro="" textlink="">
      <xdr:nvSpPr>
        <xdr:cNvPr id="2" name="Oval 1"/>
        <xdr:cNvSpPr>
          <a:spLocks noChangeArrowheads="1"/>
        </xdr:cNvSpPr>
      </xdr:nvSpPr>
      <xdr:spPr bwMode="auto">
        <a:xfrm>
          <a:off x="3876675" y="270510"/>
          <a:ext cx="1156335" cy="480060"/>
        </a:xfrm>
        <a:prstGeom prst="ellipse">
          <a:avLst/>
        </a:prstGeom>
        <a:noFill/>
        <a:ln w="9525">
          <a:solidFill>
            <a:srgbClr val="000000"/>
          </a:solidFill>
          <a:round/>
          <a:headEnd/>
          <a:tailEnd/>
        </a:ln>
      </xdr:spPr>
    </xdr:sp>
    <xdr:clientData/>
  </xdr:twoCellAnchor>
  <xdr:twoCellAnchor>
    <xdr:from>
      <xdr:col>9</xdr:col>
      <xdr:colOff>76201</xdr:colOff>
      <xdr:row>0</xdr:row>
      <xdr:rowOff>19050</xdr:rowOff>
    </xdr:from>
    <xdr:to>
      <xdr:col>9</xdr:col>
      <xdr:colOff>800101</xdr:colOff>
      <xdr:row>1</xdr:row>
      <xdr:rowOff>85725</xdr:rowOff>
    </xdr:to>
    <xdr:sp macro="" textlink="">
      <xdr:nvSpPr>
        <xdr:cNvPr id="3" name="Text Box 2"/>
        <xdr:cNvSpPr txBox="1">
          <a:spLocks noChangeArrowheads="1"/>
        </xdr:cNvSpPr>
      </xdr:nvSpPr>
      <xdr:spPr bwMode="auto">
        <a:xfrm>
          <a:off x="5753101" y="19050"/>
          <a:ext cx="723900"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1</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257175</xdr:colOff>
      <xdr:row>53</xdr:row>
      <xdr:rowOff>57150</xdr:rowOff>
    </xdr:from>
    <xdr:to>
      <xdr:col>6</xdr:col>
      <xdr:colOff>1362075</xdr:colOff>
      <xdr:row>54</xdr:row>
      <xdr:rowOff>257175</xdr:rowOff>
    </xdr:to>
    <xdr:sp macro="" textlink="">
      <xdr:nvSpPr>
        <xdr:cNvPr id="32775" name="AutoShape 1"/>
        <xdr:cNvSpPr>
          <a:spLocks noChangeArrowheads="1"/>
        </xdr:cNvSpPr>
      </xdr:nvSpPr>
      <xdr:spPr bwMode="auto">
        <a:xfrm>
          <a:off x="609600" y="18059400"/>
          <a:ext cx="5772150" cy="466725"/>
        </a:xfrm>
        <a:prstGeom prst="bracketPair">
          <a:avLst>
            <a:gd name="adj" fmla="val 16667"/>
          </a:avLst>
        </a:prstGeom>
        <a:noFill/>
        <a:ln w="9525">
          <a:solidFill>
            <a:srgbClr val="000000"/>
          </a:solidFill>
          <a:round/>
          <a:headEnd/>
          <a:tailEnd/>
        </a:ln>
      </xdr:spPr>
    </xdr:sp>
    <xdr:clientData/>
  </xdr:twoCellAnchor>
  <xdr:twoCellAnchor>
    <xdr:from>
      <xdr:col>6</xdr:col>
      <xdr:colOff>1314451</xdr:colOff>
      <xdr:row>0</xdr:row>
      <xdr:rowOff>0</xdr:rowOff>
    </xdr:from>
    <xdr:to>
      <xdr:col>6</xdr:col>
      <xdr:colOff>1962151</xdr:colOff>
      <xdr:row>0</xdr:row>
      <xdr:rowOff>247650</xdr:rowOff>
    </xdr:to>
    <xdr:sp macro="" textlink="">
      <xdr:nvSpPr>
        <xdr:cNvPr id="32770" name="Text Box 2"/>
        <xdr:cNvSpPr txBox="1">
          <a:spLocks noChangeArrowheads="1"/>
        </xdr:cNvSpPr>
      </xdr:nvSpPr>
      <xdr:spPr bwMode="auto">
        <a:xfrm>
          <a:off x="6334126" y="0"/>
          <a:ext cx="647700"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2</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257175</xdr:colOff>
      <xdr:row>40</xdr:row>
      <xdr:rowOff>57150</xdr:rowOff>
    </xdr:from>
    <xdr:to>
      <xdr:col>6</xdr:col>
      <xdr:colOff>1362075</xdr:colOff>
      <xdr:row>41</xdr:row>
      <xdr:rowOff>257175</xdr:rowOff>
    </xdr:to>
    <xdr:sp macro="" textlink="">
      <xdr:nvSpPr>
        <xdr:cNvPr id="2" name="AutoShape 1"/>
        <xdr:cNvSpPr>
          <a:spLocks noChangeArrowheads="1"/>
        </xdr:cNvSpPr>
      </xdr:nvSpPr>
      <xdr:spPr bwMode="auto">
        <a:xfrm>
          <a:off x="577215" y="10206990"/>
          <a:ext cx="5295900" cy="466725"/>
        </a:xfrm>
        <a:prstGeom prst="bracketPair">
          <a:avLst>
            <a:gd name="adj" fmla="val 16667"/>
          </a:avLst>
        </a:prstGeom>
        <a:noFill/>
        <a:ln w="9525">
          <a:solidFill>
            <a:srgbClr val="000000"/>
          </a:solidFill>
          <a:round/>
          <a:headEnd/>
          <a:tailEnd/>
        </a:ln>
      </xdr:spPr>
    </xdr:sp>
    <xdr:clientData/>
  </xdr:twoCellAnchor>
  <xdr:twoCellAnchor>
    <xdr:from>
      <xdr:col>6</xdr:col>
      <xdr:colOff>1323975</xdr:colOff>
      <xdr:row>0</xdr:row>
      <xdr:rowOff>0</xdr:rowOff>
    </xdr:from>
    <xdr:to>
      <xdr:col>6</xdr:col>
      <xdr:colOff>1962150</xdr:colOff>
      <xdr:row>0</xdr:row>
      <xdr:rowOff>247650</xdr:rowOff>
    </xdr:to>
    <xdr:sp macro="" textlink="">
      <xdr:nvSpPr>
        <xdr:cNvPr id="3" name="Text Box 2"/>
        <xdr:cNvSpPr txBox="1">
          <a:spLocks noChangeArrowheads="1"/>
        </xdr:cNvSpPr>
      </xdr:nvSpPr>
      <xdr:spPr bwMode="auto">
        <a:xfrm>
          <a:off x="6343650" y="0"/>
          <a:ext cx="638175"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2</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257175</xdr:colOff>
      <xdr:row>40</xdr:row>
      <xdr:rowOff>57150</xdr:rowOff>
    </xdr:from>
    <xdr:to>
      <xdr:col>6</xdr:col>
      <xdr:colOff>1362075</xdr:colOff>
      <xdr:row>41</xdr:row>
      <xdr:rowOff>257175</xdr:rowOff>
    </xdr:to>
    <xdr:sp macro="" textlink="">
      <xdr:nvSpPr>
        <xdr:cNvPr id="2" name="AutoShape 1"/>
        <xdr:cNvSpPr>
          <a:spLocks noChangeArrowheads="1"/>
        </xdr:cNvSpPr>
      </xdr:nvSpPr>
      <xdr:spPr bwMode="auto">
        <a:xfrm>
          <a:off x="577215" y="10770870"/>
          <a:ext cx="5295900" cy="466725"/>
        </a:xfrm>
        <a:prstGeom prst="bracketPair">
          <a:avLst>
            <a:gd name="adj" fmla="val 16667"/>
          </a:avLst>
        </a:prstGeom>
        <a:noFill/>
        <a:ln w="9525">
          <a:solidFill>
            <a:srgbClr val="000000"/>
          </a:solidFill>
          <a:round/>
          <a:headEnd/>
          <a:tailEnd/>
        </a:ln>
      </xdr:spPr>
    </xdr:sp>
    <xdr:clientData/>
  </xdr:twoCellAnchor>
  <xdr:twoCellAnchor>
    <xdr:from>
      <xdr:col>6</xdr:col>
      <xdr:colOff>1304925</xdr:colOff>
      <xdr:row>0</xdr:row>
      <xdr:rowOff>0</xdr:rowOff>
    </xdr:from>
    <xdr:to>
      <xdr:col>6</xdr:col>
      <xdr:colOff>1962150</xdr:colOff>
      <xdr:row>0</xdr:row>
      <xdr:rowOff>247650</xdr:rowOff>
    </xdr:to>
    <xdr:sp macro="" textlink="">
      <xdr:nvSpPr>
        <xdr:cNvPr id="3" name="Text Box 2"/>
        <xdr:cNvSpPr txBox="1">
          <a:spLocks noChangeArrowheads="1"/>
        </xdr:cNvSpPr>
      </xdr:nvSpPr>
      <xdr:spPr bwMode="auto">
        <a:xfrm>
          <a:off x="6324600" y="0"/>
          <a:ext cx="657225" cy="24765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別紙</a:t>
          </a:r>
          <a:r>
            <a:rPr lang="en-US" altLang="ja-JP" sz="1100" b="0" i="0" u="none" strike="noStrike" baseline="0">
              <a:solidFill>
                <a:srgbClr val="000000"/>
              </a:solidFill>
              <a:latin typeface="ＭＳ Ｐゴシック"/>
              <a:ea typeface="ＭＳ Ｐゴシック"/>
            </a:rPr>
            <a:t>2</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7</xdr:col>
      <xdr:colOff>108585</xdr:colOff>
      <xdr:row>0</xdr:row>
      <xdr:rowOff>0</xdr:rowOff>
    </xdr:from>
    <xdr:to>
      <xdr:col>7</xdr:col>
      <xdr:colOff>800100</xdr:colOff>
      <xdr:row>0</xdr:row>
      <xdr:rowOff>257175</xdr:rowOff>
    </xdr:to>
    <xdr:sp macro="" textlink="">
      <xdr:nvSpPr>
        <xdr:cNvPr id="3" name="Text Box 2"/>
        <xdr:cNvSpPr txBox="1">
          <a:spLocks noChangeArrowheads="1"/>
        </xdr:cNvSpPr>
      </xdr:nvSpPr>
      <xdr:spPr bwMode="auto">
        <a:xfrm>
          <a:off x="5909310" y="0"/>
          <a:ext cx="691515" cy="25717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別紙 </a:t>
          </a:r>
          <a:r>
            <a:rPr lang="en-US" altLang="ja-JP" sz="1200" b="0" i="0" u="none" strike="noStrike" baseline="0">
              <a:solidFill>
                <a:srgbClr val="000000"/>
              </a:solidFill>
              <a:latin typeface="ＭＳ Ｐゴシック"/>
              <a:ea typeface="ＭＳ Ｐゴシック"/>
            </a:rPr>
            <a:t>3</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9</xdr:col>
      <xdr:colOff>519548</xdr:colOff>
      <xdr:row>1</xdr:row>
      <xdr:rowOff>37341</xdr:rowOff>
    </xdr:from>
    <xdr:to>
      <xdr:col>9</xdr:col>
      <xdr:colOff>1291830</xdr:colOff>
      <xdr:row>1</xdr:row>
      <xdr:rowOff>273842</xdr:rowOff>
    </xdr:to>
    <xdr:sp macro="" textlink="">
      <xdr:nvSpPr>
        <xdr:cNvPr id="2" name="角丸四角形 1"/>
        <xdr:cNvSpPr/>
      </xdr:nvSpPr>
      <xdr:spPr bwMode="auto">
        <a:xfrm>
          <a:off x="2828408" y="319281"/>
          <a:ext cx="772282" cy="236501"/>
        </a:xfrm>
        <a:prstGeom prst="roundRect">
          <a:avLst/>
        </a:prstGeom>
        <a:noFill/>
        <a:ln w="9525">
          <a:solidFill>
            <a:srgbClr val="000000"/>
          </a:solidFill>
          <a:round/>
          <a:headEnd/>
          <a:tailEnd/>
        </a:ln>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1121020</xdr:colOff>
      <xdr:row>0</xdr:row>
      <xdr:rowOff>41031</xdr:rowOff>
    </xdr:from>
    <xdr:to>
      <xdr:col>12</xdr:col>
      <xdr:colOff>603445</xdr:colOff>
      <xdr:row>1</xdr:row>
      <xdr:rowOff>16852</xdr:rowOff>
    </xdr:to>
    <xdr:sp macro="" textlink="">
      <xdr:nvSpPr>
        <xdr:cNvPr id="3" name="Text Box 1"/>
        <xdr:cNvSpPr txBox="1">
          <a:spLocks noChangeArrowheads="1"/>
        </xdr:cNvSpPr>
      </xdr:nvSpPr>
      <xdr:spPr bwMode="auto">
        <a:xfrm>
          <a:off x="7085135" y="41031"/>
          <a:ext cx="698695" cy="261571"/>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別紙 </a:t>
          </a:r>
          <a:r>
            <a:rPr lang="en-US" altLang="ja-JP" sz="1200" b="0" i="0" u="none" strike="noStrike" baseline="0">
              <a:solidFill>
                <a:srgbClr val="000000"/>
              </a:solidFill>
              <a:latin typeface="ＭＳ Ｐゴシック"/>
              <a:ea typeface="ＭＳ Ｐゴシック"/>
            </a:rPr>
            <a:t>4</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0</xdr:colOff>
      <xdr:row>25</xdr:row>
      <xdr:rowOff>133350</xdr:rowOff>
    </xdr:from>
    <xdr:to>
      <xdr:col>4</xdr:col>
      <xdr:colOff>0</xdr:colOff>
      <xdr:row>29</xdr:row>
      <xdr:rowOff>142875</xdr:rowOff>
    </xdr:to>
    <xdr:sp macro="" textlink="">
      <xdr:nvSpPr>
        <xdr:cNvPr id="15361" name="Text Box 1"/>
        <xdr:cNvSpPr txBox="1">
          <a:spLocks noChangeArrowheads="1"/>
        </xdr:cNvSpPr>
      </xdr:nvSpPr>
      <xdr:spPr bwMode="auto">
        <a:xfrm>
          <a:off x="349250" y="4927600"/>
          <a:ext cx="2047875" cy="7080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第一発見者　　　　　　</a:t>
          </a:r>
        </a:p>
      </xdr:txBody>
    </xdr:sp>
    <xdr:clientData/>
  </xdr:twoCellAnchor>
  <xdr:twoCellAnchor>
    <xdr:from>
      <xdr:col>2</xdr:col>
      <xdr:colOff>0</xdr:colOff>
      <xdr:row>22</xdr:row>
      <xdr:rowOff>28576</xdr:rowOff>
    </xdr:from>
    <xdr:to>
      <xdr:col>3</xdr:col>
      <xdr:colOff>0</xdr:colOff>
      <xdr:row>25</xdr:row>
      <xdr:rowOff>120651</xdr:rowOff>
    </xdr:to>
    <xdr:grpSp>
      <xdr:nvGrpSpPr>
        <xdr:cNvPr id="19" name="グループ化 18"/>
        <xdr:cNvGrpSpPr/>
      </xdr:nvGrpSpPr>
      <xdr:grpSpPr>
        <a:xfrm>
          <a:off x="1037167" y="4399493"/>
          <a:ext cx="687916" cy="600075"/>
          <a:chOff x="1031875" y="4298950"/>
          <a:chExt cx="682625" cy="1038225"/>
        </a:xfrm>
      </xdr:grpSpPr>
      <xdr:sp macro="" textlink="">
        <xdr:nvSpPr>
          <xdr:cNvPr id="15407" name="Line 2"/>
          <xdr:cNvSpPr>
            <a:spLocks noChangeShapeType="1"/>
          </xdr:cNvSpPr>
        </xdr:nvSpPr>
        <xdr:spPr bwMode="auto">
          <a:xfrm>
            <a:off x="1031875" y="4298950"/>
            <a:ext cx="0" cy="1038225"/>
          </a:xfrm>
          <a:prstGeom prst="line">
            <a:avLst/>
          </a:prstGeom>
          <a:noFill/>
          <a:ln w="9525">
            <a:solidFill>
              <a:srgbClr val="000000"/>
            </a:solidFill>
            <a:round/>
            <a:headEnd/>
            <a:tailEnd type="triangle" w="med" len="med"/>
          </a:ln>
        </xdr:spPr>
      </xdr:sp>
      <xdr:sp macro="" textlink="">
        <xdr:nvSpPr>
          <xdr:cNvPr id="15408" name="Line 3"/>
          <xdr:cNvSpPr>
            <a:spLocks noChangeShapeType="1"/>
          </xdr:cNvSpPr>
        </xdr:nvSpPr>
        <xdr:spPr bwMode="auto">
          <a:xfrm>
            <a:off x="1714500" y="4298950"/>
            <a:ext cx="0" cy="1038225"/>
          </a:xfrm>
          <a:prstGeom prst="line">
            <a:avLst/>
          </a:prstGeom>
          <a:noFill/>
          <a:ln w="9525">
            <a:solidFill>
              <a:srgbClr val="000000"/>
            </a:solidFill>
            <a:round/>
            <a:headEnd type="triangle" w="med" len="med"/>
            <a:tailEnd/>
          </a:ln>
        </xdr:spPr>
      </xdr:sp>
    </xdr:grpSp>
    <xdr:clientData/>
  </xdr:twoCellAnchor>
  <xdr:twoCellAnchor>
    <xdr:from>
      <xdr:col>4</xdr:col>
      <xdr:colOff>0</xdr:colOff>
      <xdr:row>19</xdr:row>
      <xdr:rowOff>0</xdr:rowOff>
    </xdr:from>
    <xdr:to>
      <xdr:col>5</xdr:col>
      <xdr:colOff>177800</xdr:colOff>
      <xdr:row>21</xdr:row>
      <xdr:rowOff>0</xdr:rowOff>
    </xdr:to>
    <xdr:grpSp>
      <xdr:nvGrpSpPr>
        <xdr:cNvPr id="17" name="グループ化 16"/>
        <xdr:cNvGrpSpPr/>
      </xdr:nvGrpSpPr>
      <xdr:grpSpPr>
        <a:xfrm>
          <a:off x="2413000" y="3862917"/>
          <a:ext cx="865717" cy="338666"/>
          <a:chOff x="2397125" y="4016375"/>
          <a:chExt cx="1365250" cy="349250"/>
        </a:xfrm>
      </xdr:grpSpPr>
      <xdr:sp macro="" textlink="">
        <xdr:nvSpPr>
          <xdr:cNvPr id="15409" name="Line 4"/>
          <xdr:cNvSpPr>
            <a:spLocks noChangeShapeType="1"/>
          </xdr:cNvSpPr>
        </xdr:nvSpPr>
        <xdr:spPr bwMode="auto">
          <a:xfrm>
            <a:off x="2397125" y="4016375"/>
            <a:ext cx="1365250" cy="0"/>
          </a:xfrm>
          <a:prstGeom prst="line">
            <a:avLst/>
          </a:prstGeom>
          <a:noFill/>
          <a:ln w="9525">
            <a:solidFill>
              <a:srgbClr val="000000"/>
            </a:solidFill>
            <a:round/>
            <a:headEnd/>
            <a:tailEnd type="triangle" w="med" len="med"/>
          </a:ln>
        </xdr:spPr>
      </xdr:sp>
      <xdr:sp macro="" textlink="">
        <xdr:nvSpPr>
          <xdr:cNvPr id="15410" name="Line 5"/>
          <xdr:cNvSpPr>
            <a:spLocks noChangeShapeType="1"/>
          </xdr:cNvSpPr>
        </xdr:nvSpPr>
        <xdr:spPr bwMode="auto">
          <a:xfrm>
            <a:off x="2397125" y="4365625"/>
            <a:ext cx="1365250" cy="0"/>
          </a:xfrm>
          <a:prstGeom prst="line">
            <a:avLst/>
          </a:prstGeom>
          <a:noFill/>
          <a:ln w="9525">
            <a:solidFill>
              <a:srgbClr val="000000"/>
            </a:solidFill>
            <a:round/>
            <a:headEnd type="triangle" w="med" len="med"/>
            <a:tailEnd/>
          </a:ln>
        </xdr:spPr>
      </xdr:sp>
    </xdr:grpSp>
    <xdr:clientData/>
  </xdr:twoCellAnchor>
  <xdr:twoCellAnchor>
    <xdr:from>
      <xdr:col>1</xdr:col>
      <xdr:colOff>9525</xdr:colOff>
      <xdr:row>17</xdr:row>
      <xdr:rowOff>161925</xdr:rowOff>
    </xdr:from>
    <xdr:to>
      <xdr:col>4</xdr:col>
      <xdr:colOff>9525</xdr:colOff>
      <xdr:row>22</xdr:row>
      <xdr:rowOff>0</xdr:rowOff>
    </xdr:to>
    <xdr:sp macro="" textlink="">
      <xdr:nvSpPr>
        <xdr:cNvPr id="15367" name="Text Box 7"/>
        <xdr:cNvSpPr txBox="1">
          <a:spLocks noChangeArrowheads="1"/>
        </xdr:cNvSpPr>
      </xdr:nvSpPr>
      <xdr:spPr bwMode="auto">
        <a:xfrm>
          <a:off x="695325" y="3781425"/>
          <a:ext cx="2057400" cy="6953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企業担当者名</a:t>
          </a:r>
          <a:endParaRPr lang="en-US" altLang="ja-JP" sz="1100" b="0" i="0" u="none" strike="noStrike" baseline="0">
            <a:solidFill>
              <a:srgbClr val="000000"/>
            </a:solidFill>
            <a:latin typeface="ＭＳ Ｐゴシック"/>
            <a:ea typeface="ＭＳ Ｐゴシック"/>
          </a:endParaRPr>
        </a:p>
        <a:p>
          <a:pPr algn="ctr" rtl="0">
            <a:defRPr sz="1000"/>
          </a:pPr>
          <a:r>
            <a:rPr lang="ja-JP" altLang="en-US" sz="1100" b="0" i="0" u="none" strike="noStrike" baseline="0">
              <a:solidFill>
                <a:srgbClr val="000000"/>
              </a:solidFill>
              <a:latin typeface="ＭＳ Ｐゴシック"/>
              <a:ea typeface="ＭＳ Ｐゴシック"/>
            </a:rPr>
            <a:t>○○ ○○</a:t>
          </a:r>
        </a:p>
        <a:p>
          <a:pPr algn="ctr" rtl="0">
            <a:defRPr sz="1000"/>
          </a:pPr>
          <a:r>
            <a:rPr lang="ja-JP" altLang="en-US" sz="1100" b="0" i="0" u="none" strike="noStrike" baseline="0">
              <a:solidFill>
                <a:srgbClr val="000000"/>
              </a:solidFill>
              <a:latin typeface="ＭＳ Ｐゴシック"/>
              <a:ea typeface="ＭＳ Ｐゴシック"/>
            </a:rPr>
            <a:t>電話　○○○○</a:t>
          </a:r>
          <a:r>
            <a:rPr lang="ja-JP" altLang="en-US" sz="1100" b="0" i="0" u="sng" strike="noStrike" baseline="0">
              <a:solidFill>
                <a:srgbClr val="000000"/>
              </a:solidFill>
              <a:latin typeface="ＭＳ Ｐゴシック"/>
              <a:ea typeface="ＭＳ Ｐゴシック"/>
            </a:rPr>
            <a:t>          　　　</a:t>
          </a:r>
          <a:r>
            <a:rPr lang="ja-JP" altLang="en-US" sz="1100" b="0" i="0" u="none" strike="noStrike" baseline="0">
              <a:solidFill>
                <a:srgbClr val="000000"/>
              </a:solidFill>
              <a:latin typeface="ＭＳ Ｐゴシック"/>
              <a:ea typeface="ＭＳ Ｐゴシック"/>
            </a:rPr>
            <a:t>　　　　　</a:t>
          </a:r>
        </a:p>
      </xdr:txBody>
    </xdr:sp>
    <xdr:clientData/>
  </xdr:twoCellAnchor>
  <xdr:twoCellAnchor>
    <xdr:from>
      <xdr:col>5</xdr:col>
      <xdr:colOff>168275</xdr:colOff>
      <xdr:row>3</xdr:row>
      <xdr:rowOff>161925</xdr:rowOff>
    </xdr:from>
    <xdr:to>
      <xdr:col>8</xdr:col>
      <xdr:colOff>206375</xdr:colOff>
      <xdr:row>22</xdr:row>
      <xdr:rowOff>9525</xdr:rowOff>
    </xdr:to>
    <xdr:grpSp>
      <xdr:nvGrpSpPr>
        <xdr:cNvPr id="18" name="グループ化 17"/>
        <xdr:cNvGrpSpPr/>
      </xdr:nvGrpSpPr>
      <xdr:grpSpPr>
        <a:xfrm>
          <a:off x="3269192" y="1114425"/>
          <a:ext cx="2101850" cy="3266017"/>
          <a:chOff x="3724275" y="1384300"/>
          <a:chExt cx="2085975" cy="3165475"/>
        </a:xfrm>
      </xdr:grpSpPr>
      <xdr:sp macro="" textlink="">
        <xdr:nvSpPr>
          <xdr:cNvPr id="15368" name="Text Box 8"/>
          <xdr:cNvSpPr txBox="1">
            <a:spLocks noChangeArrowheads="1"/>
          </xdr:cNvSpPr>
        </xdr:nvSpPr>
        <xdr:spPr bwMode="auto">
          <a:xfrm>
            <a:off x="3762375" y="3841750"/>
            <a:ext cx="2047875" cy="7080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技術校担当者名</a:t>
            </a:r>
          </a:p>
          <a:p>
            <a:pPr marL="0" marR="0" indent="0" algn="ctr" defTabSz="914400" rtl="0" eaLnBrk="1" fontAlgn="auto" latinLnBrk="0" hangingPunct="1">
              <a:lnSpc>
                <a:spcPct val="100000"/>
              </a:lnSpc>
              <a:spcBef>
                <a:spcPts val="0"/>
              </a:spcBef>
              <a:spcAft>
                <a:spcPts val="0"/>
              </a:spcAft>
              <a:buClrTx/>
              <a:buSzTx/>
              <a:buFontTx/>
              <a:buNone/>
              <a:tabLst/>
              <a:defRPr sz="1000"/>
            </a:pPr>
            <a:r>
              <a:rPr lang="ja-JP" altLang="en-US" sz="1100"/>
              <a:t>○○○○</a:t>
            </a:r>
            <a:endParaRPr lang="ja-JP" altLang="ja-JP" sz="1100"/>
          </a:p>
          <a:p>
            <a:pPr algn="ctr" rtl="0">
              <a:defRPr sz="1000"/>
            </a:pPr>
            <a:r>
              <a:rPr lang="ja-JP" altLang="en-US" sz="1100" b="0" i="0" u="none" strike="noStrike" baseline="0">
                <a:solidFill>
                  <a:srgbClr val="000000"/>
                </a:solidFill>
                <a:latin typeface="ＭＳ Ｐゴシック"/>
                <a:ea typeface="ＭＳ Ｐゴシック"/>
              </a:rPr>
              <a:t>　電話　</a:t>
            </a:r>
            <a:r>
              <a:rPr lang="en-US" altLang="ja-JP" sz="1100" b="0" i="0" u="none" strike="noStrike" baseline="0">
                <a:solidFill>
                  <a:srgbClr val="000000"/>
                </a:solidFill>
                <a:latin typeface="ＭＳ Ｐゴシック"/>
                <a:ea typeface="ＭＳ Ｐゴシック"/>
              </a:rPr>
              <a:t>0463 </a:t>
            </a:r>
            <a:r>
              <a:rPr lang="ja-JP" altLang="en-US" sz="1100" b="0" i="0" u="none" strike="noStrike" baseline="0">
                <a:solidFill>
                  <a:srgbClr val="00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80 </a:t>
            </a:r>
            <a:r>
              <a:rPr lang="ja-JP" altLang="en-US" sz="1100" b="0" i="0" u="none" strike="noStrike" baseline="0">
                <a:solidFill>
                  <a:srgbClr val="00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3004</a:t>
            </a:r>
          </a:p>
        </xdr:txBody>
      </xdr:sp>
      <xdr:sp macro="" textlink="">
        <xdr:nvSpPr>
          <xdr:cNvPr id="15369" name="Text Box 9"/>
          <xdr:cNvSpPr txBox="1">
            <a:spLocks noChangeArrowheads="1"/>
          </xdr:cNvSpPr>
        </xdr:nvSpPr>
        <xdr:spPr bwMode="auto">
          <a:xfrm>
            <a:off x="3724275" y="1384300"/>
            <a:ext cx="2085975" cy="711200"/>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西部総合職業技術校長</a:t>
            </a:r>
          </a:p>
          <a:p>
            <a:pPr marL="0" marR="0" lvl="0" indent="0" algn="ctr" defTabSz="914400" rtl="0" eaLnBrk="1" fontAlgn="auto" latinLnBrk="0" hangingPunct="1">
              <a:lnSpc>
                <a:spcPct val="100000"/>
              </a:lnSpc>
              <a:spcBef>
                <a:spcPts val="0"/>
              </a:spcBef>
              <a:spcAft>
                <a:spcPts val="0"/>
              </a:spcAft>
              <a:buClrTx/>
              <a:buSzTx/>
              <a:buFontTx/>
              <a:buNone/>
              <a:tabLst/>
              <a:defRPr sz="1000"/>
            </a:pPr>
            <a:r>
              <a:rPr lang="ja-JP" altLang="ja-JP" sz="1000">
                <a:effectLst/>
                <a:latin typeface="+mn-lt"/>
                <a:ea typeface="+mn-ea"/>
                <a:cs typeface="+mn-cs"/>
              </a:rPr>
              <a:t>○○</a:t>
            </a:r>
            <a:r>
              <a:rPr lang="ja-JP" altLang="en-US" sz="1000">
                <a:effectLst/>
                <a:latin typeface="+mn-lt"/>
                <a:ea typeface="+mn-ea"/>
                <a:cs typeface="+mn-cs"/>
              </a:rPr>
              <a:t>　</a:t>
            </a:r>
            <a:r>
              <a:rPr lang="ja-JP" altLang="ja-JP" sz="1000">
                <a:effectLst/>
                <a:latin typeface="+mn-lt"/>
                <a:ea typeface="+mn-ea"/>
                <a:cs typeface="+mn-cs"/>
              </a:rPr>
              <a:t>○○</a:t>
            </a:r>
            <a:endParaRPr lang="ja-JP" altLang="ja-JP">
              <a:effectLst/>
            </a:endParaRPr>
          </a:p>
          <a:p>
            <a:pPr algn="ctr" rtl="0">
              <a:defRPr sz="1000"/>
            </a:pPr>
            <a:r>
              <a:rPr lang="ja-JP" altLang="en-US" sz="1100" b="0" i="0" u="none" strike="noStrike" baseline="0">
                <a:solidFill>
                  <a:srgbClr val="000000"/>
                </a:solidFill>
                <a:latin typeface="ＭＳ Ｐゴシック"/>
                <a:ea typeface="ＭＳ Ｐゴシック"/>
              </a:rPr>
              <a:t>電話　</a:t>
            </a:r>
            <a:r>
              <a:rPr lang="en-US" altLang="ja-JP" sz="1100" b="0" i="0" u="none" strike="noStrike" baseline="0">
                <a:solidFill>
                  <a:srgbClr val="000000"/>
                </a:solidFill>
                <a:latin typeface="ＭＳ Ｐゴシック"/>
                <a:ea typeface="ＭＳ Ｐゴシック"/>
              </a:rPr>
              <a:t>0463 </a:t>
            </a:r>
            <a:r>
              <a:rPr lang="ja-JP" altLang="en-US" sz="1100" b="0" i="0" u="none" strike="noStrike" baseline="0">
                <a:solidFill>
                  <a:srgbClr val="00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80 </a:t>
            </a:r>
            <a:r>
              <a:rPr lang="ja-JP" altLang="en-US" sz="1100" b="0" i="0" u="none" strike="noStrike" baseline="0">
                <a:solidFill>
                  <a:srgbClr val="000000"/>
                </a:solidFill>
                <a:latin typeface="ＭＳ Ｐゴシック"/>
                <a:ea typeface="ＭＳ Ｐゴシック"/>
              </a:rPr>
              <a:t>） </a:t>
            </a:r>
            <a:r>
              <a:rPr lang="en-US" altLang="ja-JP" sz="1100" b="0" i="0" u="none" strike="noStrike" baseline="0">
                <a:solidFill>
                  <a:srgbClr val="000000"/>
                </a:solidFill>
                <a:latin typeface="ＭＳ Ｐゴシック"/>
                <a:ea typeface="ＭＳ Ｐゴシック"/>
              </a:rPr>
              <a:t>3001</a:t>
            </a:r>
          </a:p>
        </xdr:txBody>
      </xdr:sp>
      <xdr:sp macro="" textlink="">
        <xdr:nvSpPr>
          <xdr:cNvPr id="15370" name="Text Box 10"/>
          <xdr:cNvSpPr txBox="1">
            <a:spLocks noChangeArrowheads="1"/>
          </xdr:cNvSpPr>
        </xdr:nvSpPr>
        <xdr:spPr bwMode="auto">
          <a:xfrm>
            <a:off x="3762375" y="2628900"/>
            <a:ext cx="2047875" cy="708025"/>
          </a:xfrm>
          <a:prstGeom prst="rect">
            <a:avLst/>
          </a:prstGeom>
          <a:solidFill>
            <a:srgbClr val="FFFFFF"/>
          </a:solidFill>
          <a:ln w="9525">
            <a:solidFill>
              <a:srgbClr val="000000"/>
            </a:solidFill>
            <a:miter lim="800000"/>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工業技術・継承課長</a:t>
            </a:r>
          </a:p>
          <a:p>
            <a:pPr marL="0" marR="0" lvl="0" indent="0" algn="ctr" defTabSz="914400" rtl="0" eaLnBrk="1" fontAlgn="auto" latinLnBrk="0" hangingPunct="1">
              <a:lnSpc>
                <a:spcPct val="100000"/>
              </a:lnSpc>
              <a:spcBef>
                <a:spcPts val="0"/>
              </a:spcBef>
              <a:spcAft>
                <a:spcPts val="0"/>
              </a:spcAft>
              <a:buClrTx/>
              <a:buSzTx/>
              <a:buFontTx/>
              <a:buNone/>
              <a:tabLst/>
              <a:defRPr sz="1000"/>
            </a:pPr>
            <a:r>
              <a:rPr lang="ja-JP" altLang="ja-JP" sz="1000">
                <a:effectLst/>
                <a:latin typeface="+mn-lt"/>
                <a:ea typeface="+mn-ea"/>
                <a:cs typeface="+mn-cs"/>
              </a:rPr>
              <a:t>○○</a:t>
            </a:r>
            <a:r>
              <a:rPr lang="ja-JP" altLang="en-US" sz="1000">
                <a:effectLst/>
                <a:latin typeface="+mn-lt"/>
                <a:ea typeface="+mn-ea"/>
                <a:cs typeface="+mn-cs"/>
              </a:rPr>
              <a:t>　</a:t>
            </a:r>
            <a:r>
              <a:rPr lang="ja-JP" altLang="ja-JP" sz="1000">
                <a:effectLst/>
                <a:latin typeface="+mn-lt"/>
                <a:ea typeface="+mn-ea"/>
                <a:cs typeface="+mn-cs"/>
              </a:rPr>
              <a:t>○○</a:t>
            </a:r>
            <a:endParaRPr lang="ja-JP" altLang="ja-JP">
              <a:effectLst/>
            </a:endParaRPr>
          </a:p>
          <a:p>
            <a:pPr algn="ctr" rtl="0">
              <a:defRPr sz="1000"/>
            </a:pPr>
            <a:r>
              <a:rPr lang="ja-JP" altLang="en-US" sz="1100" b="0" i="0" u="none" strike="noStrike" baseline="0">
                <a:solidFill>
                  <a:srgbClr val="000000"/>
                </a:solidFill>
                <a:latin typeface="ＭＳ Ｐゴシック"/>
                <a:ea typeface="ＭＳ Ｐゴシック"/>
              </a:rPr>
              <a:t>電話　</a:t>
            </a:r>
            <a:r>
              <a:rPr lang="en-US" altLang="ja-JP" sz="1100" b="0" i="0" u="none" strike="noStrike" baseline="0">
                <a:solidFill>
                  <a:srgbClr val="000000"/>
                </a:solidFill>
                <a:latin typeface="ＭＳ Ｐゴシック"/>
                <a:ea typeface="ＭＳ Ｐゴシック"/>
              </a:rPr>
              <a:t>0463</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80</a:t>
            </a:r>
            <a:r>
              <a:rPr lang="ja-JP" altLang="en-US" sz="1100" b="0" i="0" u="none" strike="noStrike" baseline="0">
                <a:solidFill>
                  <a:srgbClr val="000000"/>
                </a:solidFill>
                <a:latin typeface="ＭＳ Ｐゴシック"/>
                <a:ea typeface="ＭＳ Ｐゴシック"/>
              </a:rPr>
              <a:t>）</a:t>
            </a:r>
            <a:r>
              <a:rPr lang="en-US" altLang="ja-JP" sz="1100" b="0" i="0" u="none" strike="noStrike" baseline="0">
                <a:solidFill>
                  <a:srgbClr val="000000"/>
                </a:solidFill>
                <a:latin typeface="ＭＳ Ｐゴシック"/>
                <a:ea typeface="ＭＳ Ｐゴシック"/>
              </a:rPr>
              <a:t>3004</a:t>
            </a: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　　　　</a:t>
            </a:r>
          </a:p>
        </xdr:txBody>
      </xdr:sp>
      <xdr:sp macro="" textlink="">
        <xdr:nvSpPr>
          <xdr:cNvPr id="15416" name="Line 11"/>
          <xdr:cNvSpPr>
            <a:spLocks noChangeShapeType="1"/>
          </xdr:cNvSpPr>
        </xdr:nvSpPr>
        <xdr:spPr bwMode="auto">
          <a:xfrm>
            <a:off x="4445000" y="2095500"/>
            <a:ext cx="0" cy="511175"/>
          </a:xfrm>
          <a:prstGeom prst="line">
            <a:avLst/>
          </a:prstGeom>
          <a:noFill/>
          <a:ln w="9525">
            <a:solidFill>
              <a:srgbClr val="000000"/>
            </a:solidFill>
            <a:round/>
            <a:headEnd/>
            <a:tailEnd type="triangle" w="med" len="med"/>
          </a:ln>
        </xdr:spPr>
      </xdr:sp>
      <xdr:sp macro="" textlink="">
        <xdr:nvSpPr>
          <xdr:cNvPr id="15417" name="Line 12"/>
          <xdr:cNvSpPr>
            <a:spLocks noChangeShapeType="1"/>
          </xdr:cNvSpPr>
        </xdr:nvSpPr>
        <xdr:spPr bwMode="auto">
          <a:xfrm>
            <a:off x="4445000" y="3346450"/>
            <a:ext cx="0" cy="514350"/>
          </a:xfrm>
          <a:prstGeom prst="line">
            <a:avLst/>
          </a:prstGeom>
          <a:noFill/>
          <a:ln w="9525">
            <a:solidFill>
              <a:srgbClr val="000000"/>
            </a:solidFill>
            <a:round/>
            <a:headEnd/>
            <a:tailEnd type="triangle" w="med" len="med"/>
          </a:ln>
        </xdr:spPr>
      </xdr:sp>
      <xdr:sp macro="" textlink="">
        <xdr:nvSpPr>
          <xdr:cNvPr id="15418" name="Line 13"/>
          <xdr:cNvSpPr>
            <a:spLocks noChangeShapeType="1"/>
          </xdr:cNvSpPr>
        </xdr:nvSpPr>
        <xdr:spPr bwMode="auto">
          <a:xfrm flipV="1">
            <a:off x="5137150" y="3355975"/>
            <a:ext cx="0" cy="485775"/>
          </a:xfrm>
          <a:prstGeom prst="line">
            <a:avLst/>
          </a:prstGeom>
          <a:noFill/>
          <a:ln w="9525">
            <a:solidFill>
              <a:srgbClr val="000000"/>
            </a:solidFill>
            <a:round/>
            <a:headEnd/>
            <a:tailEnd type="triangle" w="med" len="med"/>
          </a:ln>
        </xdr:spPr>
      </xdr:sp>
      <xdr:sp macro="" textlink="">
        <xdr:nvSpPr>
          <xdr:cNvPr id="15419" name="Line 14"/>
          <xdr:cNvSpPr>
            <a:spLocks noChangeShapeType="1"/>
          </xdr:cNvSpPr>
        </xdr:nvSpPr>
        <xdr:spPr bwMode="auto">
          <a:xfrm flipV="1">
            <a:off x="5137150" y="2114550"/>
            <a:ext cx="0" cy="482600"/>
          </a:xfrm>
          <a:prstGeom prst="line">
            <a:avLst/>
          </a:prstGeom>
          <a:noFill/>
          <a:ln w="9525">
            <a:solidFill>
              <a:srgbClr val="000000"/>
            </a:solidFill>
            <a:round/>
            <a:headEnd/>
            <a:tailEnd type="triangle" w="med" len="med"/>
          </a:ln>
        </xdr:spPr>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7"/>
  <sheetViews>
    <sheetView tabSelected="1" workbookViewId="0">
      <selection sqref="A1:XFD1048576"/>
    </sheetView>
  </sheetViews>
  <sheetFormatPr defaultColWidth="9" defaultRowHeight="14.25" x14ac:dyDescent="0.15"/>
  <cols>
    <col min="1" max="1" width="4" style="1" customWidth="1"/>
    <col min="2" max="2" width="9.5" style="1" bestFit="1" customWidth="1"/>
    <col min="3" max="3" width="10.625" style="1" customWidth="1"/>
    <col min="4" max="5" width="9" style="1"/>
    <col min="6" max="6" width="4.875" style="1" customWidth="1"/>
    <col min="7" max="7" width="4.625" style="1" customWidth="1"/>
    <col min="8" max="8" width="10.375" style="1" customWidth="1"/>
    <col min="9" max="9" width="12.5" style="1" customWidth="1"/>
    <col min="10" max="10" width="12.625" style="1" customWidth="1"/>
    <col min="11" max="16384" width="9" style="1"/>
  </cols>
  <sheetData>
    <row r="2" spans="1:10" ht="35.1" customHeight="1" x14ac:dyDescent="0.2">
      <c r="A2" s="117" t="s">
        <v>14</v>
      </c>
      <c r="B2" s="117"/>
      <c r="C2" s="117"/>
      <c r="D2" s="117"/>
      <c r="E2" s="117"/>
      <c r="F2" s="117"/>
      <c r="G2" s="117"/>
      <c r="H2" s="117"/>
      <c r="I2" s="117"/>
      <c r="J2" s="117"/>
    </row>
    <row r="3" spans="1:10" ht="29.45" customHeight="1" x14ac:dyDescent="0.2">
      <c r="A3" s="14"/>
      <c r="B3" s="14"/>
      <c r="C3" s="14"/>
      <c r="D3" s="14"/>
      <c r="E3" s="14"/>
      <c r="F3" s="14"/>
      <c r="G3" s="14"/>
      <c r="H3" s="14"/>
      <c r="I3" s="14"/>
      <c r="J3" s="14"/>
    </row>
    <row r="4" spans="1:10" ht="24.95" customHeight="1" x14ac:dyDescent="0.15">
      <c r="A4" s="13">
        <v>1</v>
      </c>
      <c r="B4" s="10" t="s">
        <v>43</v>
      </c>
      <c r="C4"/>
      <c r="D4" s="10"/>
      <c r="E4" s="10"/>
      <c r="F4" s="10"/>
      <c r="G4" s="13">
        <v>2</v>
      </c>
      <c r="H4" s="10" t="s">
        <v>0</v>
      </c>
      <c r="I4"/>
      <c r="J4" s="10"/>
    </row>
    <row r="5" spans="1:10" ht="24.95" customHeight="1" x14ac:dyDescent="0.15">
      <c r="A5" s="13">
        <v>3</v>
      </c>
      <c r="B5" s="10" t="s">
        <v>1</v>
      </c>
      <c r="C5"/>
      <c r="D5" s="10"/>
      <c r="E5" s="10"/>
      <c r="F5" s="10"/>
      <c r="G5" s="13">
        <v>4</v>
      </c>
      <c r="H5" s="10" t="s">
        <v>2</v>
      </c>
      <c r="I5" s="41"/>
      <c r="J5" s="10" t="s">
        <v>10</v>
      </c>
    </row>
    <row r="6" spans="1:10" ht="24.95" customHeight="1" x14ac:dyDescent="0.15">
      <c r="A6" s="13">
        <v>5</v>
      </c>
      <c r="B6" s="10" t="s">
        <v>3</v>
      </c>
      <c r="C6" s="10" t="s">
        <v>4</v>
      </c>
      <c r="D6" s="39"/>
      <c r="E6" s="10"/>
      <c r="F6" s="10"/>
      <c r="G6" s="10" t="s">
        <v>41</v>
      </c>
      <c r="H6" s="10"/>
      <c r="I6" s="39"/>
      <c r="J6" s="10"/>
    </row>
    <row r="7" spans="1:10" ht="24.95" customHeight="1" x14ac:dyDescent="0.15">
      <c r="A7" s="13">
        <v>6</v>
      </c>
      <c r="B7" s="10" t="s">
        <v>5</v>
      </c>
      <c r="C7" s="10"/>
      <c r="D7" s="10"/>
      <c r="E7" s="10"/>
      <c r="F7" s="10"/>
      <c r="G7" s="10"/>
      <c r="H7" s="10"/>
      <c r="I7" s="10"/>
      <c r="J7" s="10"/>
    </row>
    <row r="8" spans="1:10" ht="8.25" customHeight="1" x14ac:dyDescent="0.15">
      <c r="A8" s="10"/>
      <c r="B8" s="10"/>
      <c r="C8" s="10"/>
      <c r="D8" s="10"/>
      <c r="E8" s="10"/>
      <c r="F8" s="10"/>
      <c r="G8" s="10"/>
      <c r="H8" s="10"/>
      <c r="I8" s="10"/>
      <c r="J8" s="10"/>
    </row>
    <row r="9" spans="1:10" s="7" customFormat="1" ht="30" customHeight="1" x14ac:dyDescent="0.15">
      <c r="A9" s="11"/>
      <c r="B9" s="8" t="s">
        <v>6</v>
      </c>
      <c r="C9" s="8" t="s">
        <v>7</v>
      </c>
      <c r="D9" s="118" t="s">
        <v>1</v>
      </c>
      <c r="E9" s="118"/>
      <c r="F9" s="118"/>
      <c r="G9" s="118"/>
      <c r="H9" s="118"/>
      <c r="I9" s="8" t="s">
        <v>8</v>
      </c>
      <c r="J9" s="8" t="s">
        <v>9</v>
      </c>
    </row>
    <row r="10" spans="1:10" s="7" customFormat="1" ht="30" customHeight="1" x14ac:dyDescent="0.15">
      <c r="A10" s="12">
        <v>1</v>
      </c>
      <c r="B10" s="17"/>
      <c r="C10" s="116" t="s">
        <v>159</v>
      </c>
      <c r="D10" s="18" t="s">
        <v>160</v>
      </c>
      <c r="E10" s="9"/>
      <c r="F10" s="9"/>
      <c r="G10" s="9"/>
      <c r="H10" s="9"/>
      <c r="I10" s="40"/>
      <c r="J10" s="40"/>
    </row>
    <row r="11" spans="1:10" s="7" customFormat="1" ht="30" customHeight="1" x14ac:dyDescent="0.15">
      <c r="A11" s="12">
        <v>2</v>
      </c>
      <c r="B11" s="17"/>
      <c r="C11" s="116" t="s">
        <v>159</v>
      </c>
      <c r="D11" s="18" t="s">
        <v>160</v>
      </c>
      <c r="E11" s="9"/>
      <c r="F11" s="9"/>
      <c r="G11" s="9"/>
      <c r="H11" s="9"/>
      <c r="I11" s="40"/>
      <c r="J11" s="40"/>
    </row>
    <row r="12" spans="1:10" s="7" customFormat="1" ht="30" customHeight="1" x14ac:dyDescent="0.15">
      <c r="A12" s="12">
        <v>3</v>
      </c>
      <c r="B12" s="17"/>
      <c r="C12" s="116" t="s">
        <v>159</v>
      </c>
      <c r="D12" s="18" t="s">
        <v>160</v>
      </c>
      <c r="E12" s="9"/>
      <c r="F12" s="9"/>
      <c r="G12" s="9"/>
      <c r="H12" s="9"/>
      <c r="I12" s="40"/>
      <c r="J12" s="40"/>
    </row>
    <row r="13" spans="1:10" s="7" customFormat="1" ht="30" customHeight="1" x14ac:dyDescent="0.15">
      <c r="A13" s="12">
        <v>4</v>
      </c>
      <c r="B13" s="17"/>
      <c r="C13" s="116" t="s">
        <v>159</v>
      </c>
      <c r="D13" s="18" t="s">
        <v>160</v>
      </c>
      <c r="E13" s="9"/>
      <c r="F13" s="9"/>
      <c r="G13" s="9"/>
      <c r="H13" s="9"/>
      <c r="I13" s="40"/>
      <c r="J13" s="40"/>
    </row>
    <row r="14" spans="1:10" s="7" customFormat="1" ht="30" customHeight="1" x14ac:dyDescent="0.15">
      <c r="A14" s="12">
        <v>5</v>
      </c>
      <c r="B14" s="17"/>
      <c r="C14" s="116" t="s">
        <v>159</v>
      </c>
      <c r="D14" s="18" t="s">
        <v>160</v>
      </c>
      <c r="E14" s="9"/>
      <c r="F14" s="9"/>
      <c r="G14" s="9"/>
      <c r="H14" s="9"/>
      <c r="I14" s="40"/>
      <c r="J14" s="40"/>
    </row>
    <row r="15" spans="1:10" s="7" customFormat="1" ht="30" customHeight="1" x14ac:dyDescent="0.15">
      <c r="A15" s="12">
        <v>6</v>
      </c>
      <c r="B15" s="17"/>
      <c r="C15" s="116" t="s">
        <v>159</v>
      </c>
      <c r="D15" s="18" t="s">
        <v>160</v>
      </c>
      <c r="E15" s="9"/>
      <c r="F15" s="9"/>
      <c r="G15" s="9"/>
      <c r="H15" s="9"/>
      <c r="I15" s="40"/>
      <c r="J15" s="40"/>
    </row>
    <row r="16" spans="1:10" s="7" customFormat="1" ht="30" customHeight="1" x14ac:dyDescent="0.15">
      <c r="A16" s="12">
        <v>7</v>
      </c>
      <c r="B16" s="17"/>
      <c r="C16" s="116" t="s">
        <v>159</v>
      </c>
      <c r="D16" s="18" t="s">
        <v>160</v>
      </c>
      <c r="E16" s="9"/>
      <c r="F16" s="9"/>
      <c r="G16" s="9"/>
      <c r="H16" s="9"/>
      <c r="I16" s="40"/>
      <c r="J16" s="40"/>
    </row>
    <row r="17" spans="1:10" s="7" customFormat="1" ht="30" customHeight="1" x14ac:dyDescent="0.15">
      <c r="A17" s="12">
        <v>8</v>
      </c>
      <c r="B17" s="17"/>
      <c r="C17" s="116" t="s">
        <v>159</v>
      </c>
      <c r="D17" s="18" t="s">
        <v>160</v>
      </c>
      <c r="E17" s="15"/>
      <c r="F17" s="15"/>
      <c r="G17" s="15"/>
      <c r="H17" s="16"/>
      <c r="I17" s="40"/>
      <c r="J17" s="40"/>
    </row>
    <row r="18" spans="1:10" s="7" customFormat="1" ht="30" customHeight="1" x14ac:dyDescent="0.15">
      <c r="A18" s="12">
        <v>9</v>
      </c>
      <c r="B18" s="17"/>
      <c r="C18" s="116" t="s">
        <v>159</v>
      </c>
      <c r="D18" s="18" t="s">
        <v>160</v>
      </c>
      <c r="E18" s="15"/>
      <c r="F18" s="15"/>
      <c r="G18" s="15"/>
      <c r="H18" s="16"/>
      <c r="I18" s="40"/>
      <c r="J18" s="40"/>
    </row>
    <row r="19" spans="1:10" s="7" customFormat="1" ht="30" hidden="1" customHeight="1" x14ac:dyDescent="0.15">
      <c r="A19" s="12">
        <v>10</v>
      </c>
      <c r="B19" s="103"/>
      <c r="C19" s="103"/>
      <c r="D19" s="18" t="s">
        <v>160</v>
      </c>
      <c r="E19" s="9"/>
      <c r="F19" s="9"/>
      <c r="G19" s="9"/>
      <c r="H19" s="105"/>
      <c r="I19" s="103"/>
      <c r="J19" s="103"/>
    </row>
    <row r="20" spans="1:10" s="7" customFormat="1" ht="30" hidden="1" customHeight="1" x14ac:dyDescent="0.15">
      <c r="A20" s="12">
        <v>11</v>
      </c>
      <c r="B20" s="103"/>
      <c r="C20" s="103"/>
      <c r="D20" s="18" t="s">
        <v>160</v>
      </c>
      <c r="E20" s="9"/>
      <c r="F20" s="9"/>
      <c r="G20" s="9"/>
      <c r="H20" s="105"/>
      <c r="I20" s="103"/>
      <c r="J20" s="103"/>
    </row>
    <row r="21" spans="1:10" s="7" customFormat="1" ht="30" hidden="1" customHeight="1" x14ac:dyDescent="0.15">
      <c r="A21" s="12">
        <v>12</v>
      </c>
      <c r="B21" s="103"/>
      <c r="C21" s="103"/>
      <c r="D21" s="18" t="s">
        <v>160</v>
      </c>
      <c r="E21" s="9"/>
      <c r="F21" s="9"/>
      <c r="G21" s="9"/>
      <c r="H21" s="105"/>
      <c r="I21" s="103"/>
      <c r="J21" s="103"/>
    </row>
    <row r="22" spans="1:10" s="7" customFormat="1" ht="30" hidden="1" customHeight="1" x14ac:dyDescent="0.15">
      <c r="A22" s="12">
        <v>13</v>
      </c>
      <c r="B22" s="103"/>
      <c r="C22" s="103"/>
      <c r="D22" s="18" t="s">
        <v>160</v>
      </c>
      <c r="E22" s="9"/>
      <c r="F22" s="9"/>
      <c r="G22" s="9"/>
      <c r="H22" s="105"/>
      <c r="I22" s="103"/>
      <c r="J22" s="103"/>
    </row>
    <row r="23" spans="1:10" ht="30" hidden="1" customHeight="1" x14ac:dyDescent="0.15">
      <c r="A23" s="12">
        <v>14</v>
      </c>
      <c r="B23" s="104"/>
      <c r="C23" s="104"/>
      <c r="D23" s="18" t="s">
        <v>160</v>
      </c>
      <c r="E23" s="15"/>
      <c r="F23" s="15"/>
      <c r="G23" s="15"/>
      <c r="H23" s="16"/>
      <c r="I23" s="104"/>
      <c r="J23" s="104"/>
    </row>
    <row r="24" spans="1:10" ht="30" hidden="1" customHeight="1" x14ac:dyDescent="0.15">
      <c r="A24" s="12">
        <v>15</v>
      </c>
      <c r="B24" s="104"/>
      <c r="C24" s="104"/>
      <c r="D24" s="18" t="s">
        <v>160</v>
      </c>
      <c r="E24" s="15"/>
      <c r="F24" s="15"/>
      <c r="G24" s="15"/>
      <c r="H24" s="16"/>
      <c r="I24" s="104"/>
      <c r="J24" s="104"/>
    </row>
    <row r="25" spans="1:10" ht="30" hidden="1" customHeight="1" x14ac:dyDescent="0.15">
      <c r="A25" s="12">
        <v>16</v>
      </c>
      <c r="B25" s="104"/>
      <c r="C25" s="104"/>
      <c r="D25" s="18" t="s">
        <v>160</v>
      </c>
      <c r="E25" s="15"/>
      <c r="F25" s="15"/>
      <c r="G25" s="15"/>
      <c r="H25" s="16"/>
      <c r="I25" s="104"/>
      <c r="J25" s="104"/>
    </row>
    <row r="26" spans="1:10" ht="30" hidden="1" customHeight="1" x14ac:dyDescent="0.15">
      <c r="A26" s="12">
        <v>17</v>
      </c>
      <c r="B26" s="104"/>
      <c r="C26" s="104"/>
      <c r="D26" s="18" t="s">
        <v>160</v>
      </c>
      <c r="E26" s="15"/>
      <c r="F26" s="15"/>
      <c r="G26" s="15"/>
      <c r="H26" s="16"/>
      <c r="I26" s="104"/>
      <c r="J26" s="104"/>
    </row>
    <row r="27" spans="1:10" ht="30" hidden="1" customHeight="1" x14ac:dyDescent="0.15">
      <c r="A27" s="12">
        <v>18</v>
      </c>
      <c r="B27" s="104"/>
      <c r="C27" s="104"/>
      <c r="D27" s="18" t="s">
        <v>160</v>
      </c>
      <c r="E27" s="15"/>
      <c r="F27" s="15"/>
      <c r="G27" s="15"/>
      <c r="H27" s="16"/>
      <c r="I27" s="104"/>
      <c r="J27" s="104"/>
    </row>
    <row r="28" spans="1:10" ht="30" hidden="1" customHeight="1" x14ac:dyDescent="0.15">
      <c r="A28" s="12">
        <v>19</v>
      </c>
      <c r="B28" s="104"/>
      <c r="C28" s="104"/>
      <c r="D28" s="18" t="s">
        <v>160</v>
      </c>
      <c r="E28" s="15"/>
      <c r="F28" s="15"/>
      <c r="G28" s="15"/>
      <c r="H28" s="16"/>
      <c r="I28" s="104"/>
      <c r="J28" s="104"/>
    </row>
    <row r="29" spans="1:10" hidden="1" x14ac:dyDescent="0.15">
      <c r="A29" s="12">
        <v>20</v>
      </c>
      <c r="B29" s="104"/>
      <c r="C29" s="104"/>
      <c r="D29" s="18" t="s">
        <v>160</v>
      </c>
      <c r="E29" s="15"/>
      <c r="F29" s="15"/>
      <c r="G29" s="15"/>
      <c r="H29" s="16"/>
      <c r="I29" s="104"/>
      <c r="J29" s="104"/>
    </row>
    <row r="30" spans="1:10" hidden="1" x14ac:dyDescent="0.15">
      <c r="A30" s="12">
        <v>21</v>
      </c>
      <c r="B30" s="104"/>
      <c r="C30" s="104"/>
      <c r="D30" s="18" t="s">
        <v>160</v>
      </c>
      <c r="E30" s="15"/>
      <c r="F30" s="15"/>
      <c r="G30" s="15"/>
      <c r="H30" s="16"/>
      <c r="I30" s="104"/>
      <c r="J30" s="104"/>
    </row>
    <row r="31" spans="1:10" hidden="1" x14ac:dyDescent="0.15">
      <c r="A31" s="12">
        <v>22</v>
      </c>
      <c r="B31" s="104"/>
      <c r="C31" s="104"/>
      <c r="D31" s="18" t="s">
        <v>160</v>
      </c>
      <c r="E31" s="15"/>
      <c r="F31" s="15"/>
      <c r="G31" s="15"/>
      <c r="H31" s="16"/>
      <c r="I31" s="104"/>
      <c r="J31" s="104"/>
    </row>
    <row r="32" spans="1:10" hidden="1" x14ac:dyDescent="0.15">
      <c r="A32" s="12">
        <v>23</v>
      </c>
      <c r="B32" s="104"/>
      <c r="C32" s="104"/>
      <c r="D32" s="18" t="s">
        <v>160</v>
      </c>
      <c r="E32" s="15"/>
      <c r="F32" s="15"/>
      <c r="G32" s="15"/>
      <c r="H32" s="16"/>
      <c r="I32" s="104"/>
      <c r="J32" s="104"/>
    </row>
    <row r="33" spans="1:10" hidden="1" x14ac:dyDescent="0.15">
      <c r="A33" s="12">
        <v>24</v>
      </c>
      <c r="B33" s="104"/>
      <c r="C33" s="104"/>
      <c r="D33" s="18" t="s">
        <v>160</v>
      </c>
      <c r="E33" s="15"/>
      <c r="F33" s="15"/>
      <c r="G33" s="15"/>
      <c r="H33" s="16"/>
      <c r="I33" s="104"/>
      <c r="J33" s="104"/>
    </row>
    <row r="34" spans="1:10" hidden="1" x14ac:dyDescent="0.15">
      <c r="A34" s="12">
        <v>25</v>
      </c>
      <c r="B34" s="104"/>
      <c r="C34" s="104"/>
      <c r="D34" s="18" t="s">
        <v>160</v>
      </c>
      <c r="E34" s="15"/>
      <c r="F34" s="15"/>
      <c r="G34" s="15"/>
      <c r="H34" s="16"/>
      <c r="I34" s="104"/>
      <c r="J34" s="104"/>
    </row>
    <row r="35" spans="1:10" hidden="1" x14ac:dyDescent="0.15">
      <c r="A35" s="12">
        <v>26</v>
      </c>
      <c r="B35" s="104"/>
      <c r="C35" s="104"/>
      <c r="D35" s="18" t="s">
        <v>160</v>
      </c>
      <c r="E35" s="15"/>
      <c r="F35" s="15"/>
      <c r="G35" s="15"/>
      <c r="H35" s="16"/>
      <c r="I35" s="104"/>
      <c r="J35" s="104"/>
    </row>
    <row r="36" spans="1:10" hidden="1" x14ac:dyDescent="0.15">
      <c r="A36" s="12">
        <v>27</v>
      </c>
      <c r="B36" s="104"/>
      <c r="C36" s="104"/>
      <c r="D36" s="18" t="s">
        <v>160</v>
      </c>
      <c r="E36" s="15"/>
      <c r="F36" s="15"/>
      <c r="G36" s="15"/>
      <c r="H36" s="16"/>
      <c r="I36" s="104"/>
      <c r="J36" s="104"/>
    </row>
    <row r="37" spans="1:10" hidden="1" x14ac:dyDescent="0.15">
      <c r="A37" s="12">
        <v>28</v>
      </c>
      <c r="B37" s="104"/>
      <c r="C37" s="104"/>
      <c r="D37" s="18" t="s">
        <v>160</v>
      </c>
      <c r="E37" s="15"/>
      <c r="F37" s="15"/>
      <c r="G37" s="15"/>
      <c r="H37" s="16"/>
      <c r="I37" s="104"/>
      <c r="J37" s="104"/>
    </row>
  </sheetData>
  <mergeCells count="2">
    <mergeCell ref="A2:J2"/>
    <mergeCell ref="D9:H9"/>
  </mergeCells>
  <phoneticPr fontId="2"/>
  <pageMargins left="0.78740157480314965" right="0.78740157480314965" top="0.59055118110236227" bottom="0.59055118110236227" header="0.51181102362204722" footer="0.51181102362204722"/>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7"/>
  <sheetViews>
    <sheetView workbookViewId="0">
      <selection activeCell="A4" sqref="A4:XFD39"/>
    </sheetView>
  </sheetViews>
  <sheetFormatPr defaultColWidth="9" defaultRowHeight="14.25" x14ac:dyDescent="0.15"/>
  <cols>
    <col min="1" max="1" width="4" style="1" customWidth="1"/>
    <col min="2" max="2" width="9.5" style="1" bestFit="1" customWidth="1"/>
    <col min="3" max="3" width="10.625" style="1" customWidth="1"/>
    <col min="4" max="5" width="9" style="1"/>
    <col min="6" max="6" width="4.875" style="1" customWidth="1"/>
    <col min="7" max="7" width="4.625" style="1" customWidth="1"/>
    <col min="8" max="8" width="10.375" style="1" customWidth="1"/>
    <col min="9" max="9" width="12.5" style="1" customWidth="1"/>
    <col min="10" max="10" width="12.625" style="1" customWidth="1"/>
    <col min="11" max="16384" width="9" style="1"/>
  </cols>
  <sheetData>
    <row r="2" spans="1:10" ht="35.1" customHeight="1" x14ac:dyDescent="0.2">
      <c r="A2" s="117" t="s">
        <v>14</v>
      </c>
      <c r="B2" s="117"/>
      <c r="C2" s="117"/>
      <c r="D2" s="117"/>
      <c r="E2" s="117"/>
      <c r="F2" s="117"/>
      <c r="G2" s="117"/>
      <c r="H2" s="117"/>
      <c r="I2" s="117"/>
      <c r="J2" s="117"/>
    </row>
    <row r="3" spans="1:10" ht="27" customHeight="1" x14ac:dyDescent="0.2">
      <c r="A3" s="38"/>
      <c r="B3" s="38"/>
      <c r="C3" s="38"/>
      <c r="D3" s="38"/>
      <c r="E3" s="38"/>
      <c r="F3" s="38"/>
      <c r="G3" s="38"/>
      <c r="H3" s="38"/>
      <c r="I3" s="38"/>
      <c r="J3" s="38"/>
    </row>
    <row r="4" spans="1:10" ht="24.95" customHeight="1" x14ac:dyDescent="0.15">
      <c r="A4" s="13">
        <v>1</v>
      </c>
      <c r="B4" s="10" t="s">
        <v>43</v>
      </c>
      <c r="C4"/>
      <c r="D4" s="10"/>
      <c r="E4" s="10"/>
      <c r="F4" s="10"/>
      <c r="G4" s="13">
        <v>2</v>
      </c>
      <c r="H4" s="10" t="s">
        <v>0</v>
      </c>
      <c r="I4"/>
      <c r="J4" s="10"/>
    </row>
    <row r="5" spans="1:10" ht="24.95" customHeight="1" x14ac:dyDescent="0.15">
      <c r="A5" s="13">
        <v>3</v>
      </c>
      <c r="B5" s="10" t="s">
        <v>1</v>
      </c>
      <c r="C5"/>
      <c r="D5" s="10"/>
      <c r="E5" s="10"/>
      <c r="F5" s="10"/>
      <c r="G5" s="13">
        <v>4</v>
      </c>
      <c r="H5" s="10" t="s">
        <v>2</v>
      </c>
      <c r="I5" s="41"/>
      <c r="J5" s="10" t="s">
        <v>10</v>
      </c>
    </row>
    <row r="6" spans="1:10" ht="24.95" customHeight="1" x14ac:dyDescent="0.15">
      <c r="A6" s="13">
        <v>5</v>
      </c>
      <c r="B6" s="10" t="s">
        <v>3</v>
      </c>
      <c r="C6" s="10" t="s">
        <v>4</v>
      </c>
      <c r="D6" s="39"/>
      <c r="E6" s="10"/>
      <c r="F6" s="10"/>
      <c r="G6" s="10" t="s">
        <v>41</v>
      </c>
      <c r="H6" s="10"/>
      <c r="I6" s="39"/>
      <c r="J6" s="10"/>
    </row>
    <row r="7" spans="1:10" ht="24.95" customHeight="1" x14ac:dyDescent="0.15">
      <c r="A7" s="13">
        <v>6</v>
      </c>
      <c r="B7" s="10" t="s">
        <v>5</v>
      </c>
      <c r="C7" s="10"/>
      <c r="D7" s="10"/>
      <c r="E7" s="10"/>
      <c r="F7" s="10"/>
      <c r="G7" s="10"/>
      <c r="H7" s="10"/>
      <c r="I7" s="10"/>
      <c r="J7" s="10"/>
    </row>
    <row r="8" spans="1:10" ht="8.25" customHeight="1" x14ac:dyDescent="0.15">
      <c r="A8" s="10"/>
      <c r="B8" s="10"/>
      <c r="C8" s="10"/>
      <c r="D8" s="10"/>
      <c r="E8" s="10"/>
      <c r="F8" s="10"/>
      <c r="G8" s="10"/>
      <c r="H8" s="10"/>
      <c r="I8" s="10"/>
      <c r="J8" s="10"/>
    </row>
    <row r="9" spans="1:10" s="7" customFormat="1" ht="30" customHeight="1" x14ac:dyDescent="0.15">
      <c r="A9" s="11"/>
      <c r="B9" s="8" t="s">
        <v>6</v>
      </c>
      <c r="C9" s="8" t="s">
        <v>7</v>
      </c>
      <c r="D9" s="118" t="s">
        <v>1</v>
      </c>
      <c r="E9" s="118"/>
      <c r="F9" s="118"/>
      <c r="G9" s="118"/>
      <c r="H9" s="118"/>
      <c r="I9" s="8" t="s">
        <v>8</v>
      </c>
      <c r="J9" s="8" t="s">
        <v>9</v>
      </c>
    </row>
    <row r="10" spans="1:10" s="7" customFormat="1" ht="30" customHeight="1" x14ac:dyDescent="0.15">
      <c r="A10" s="12">
        <v>1</v>
      </c>
      <c r="B10" s="17"/>
      <c r="C10" s="116" t="s">
        <v>159</v>
      </c>
      <c r="D10" s="18" t="s">
        <v>160</v>
      </c>
      <c r="E10" s="9"/>
      <c r="F10" s="9"/>
      <c r="G10" s="9"/>
      <c r="H10" s="9"/>
      <c r="I10" s="40"/>
      <c r="J10" s="40"/>
    </row>
    <row r="11" spans="1:10" s="7" customFormat="1" ht="30" customHeight="1" x14ac:dyDescent="0.15">
      <c r="A11" s="12">
        <v>2</v>
      </c>
      <c r="B11" s="17"/>
      <c r="C11" s="116" t="s">
        <v>159</v>
      </c>
      <c r="D11" s="18" t="s">
        <v>160</v>
      </c>
      <c r="E11" s="9"/>
      <c r="F11" s="9"/>
      <c r="G11" s="9"/>
      <c r="H11" s="9"/>
      <c r="I11" s="40"/>
      <c r="J11" s="40"/>
    </row>
    <row r="12" spans="1:10" s="7" customFormat="1" ht="30" customHeight="1" x14ac:dyDescent="0.15">
      <c r="A12" s="12">
        <v>3</v>
      </c>
      <c r="B12" s="17"/>
      <c r="C12" s="116" t="s">
        <v>159</v>
      </c>
      <c r="D12" s="18" t="s">
        <v>160</v>
      </c>
      <c r="E12" s="9"/>
      <c r="F12" s="9"/>
      <c r="G12" s="9"/>
      <c r="H12" s="9"/>
      <c r="I12" s="40"/>
      <c r="J12" s="40"/>
    </row>
    <row r="13" spans="1:10" s="7" customFormat="1" ht="30" customHeight="1" x14ac:dyDescent="0.15">
      <c r="A13" s="12">
        <v>4</v>
      </c>
      <c r="B13" s="17"/>
      <c r="C13" s="116" t="s">
        <v>159</v>
      </c>
      <c r="D13" s="18" t="s">
        <v>160</v>
      </c>
      <c r="E13" s="9"/>
      <c r="F13" s="9"/>
      <c r="G13" s="9"/>
      <c r="H13" s="9"/>
      <c r="I13" s="40"/>
      <c r="J13" s="40"/>
    </row>
    <row r="14" spans="1:10" s="7" customFormat="1" ht="30" customHeight="1" x14ac:dyDescent="0.15">
      <c r="A14" s="12">
        <v>5</v>
      </c>
      <c r="B14" s="17"/>
      <c r="C14" s="116" t="s">
        <v>159</v>
      </c>
      <c r="D14" s="18" t="s">
        <v>160</v>
      </c>
      <c r="E14" s="9"/>
      <c r="F14" s="9"/>
      <c r="G14" s="9"/>
      <c r="H14" s="9"/>
      <c r="I14" s="40"/>
      <c r="J14" s="40"/>
    </row>
    <row r="15" spans="1:10" s="7" customFormat="1" ht="30" customHeight="1" x14ac:dyDescent="0.15">
      <c r="A15" s="12">
        <v>6</v>
      </c>
      <c r="B15" s="17"/>
      <c r="C15" s="116" t="s">
        <v>159</v>
      </c>
      <c r="D15" s="18" t="s">
        <v>160</v>
      </c>
      <c r="E15" s="9"/>
      <c r="F15" s="9"/>
      <c r="G15" s="9"/>
      <c r="H15" s="9"/>
      <c r="I15" s="40"/>
      <c r="J15" s="40"/>
    </row>
    <row r="16" spans="1:10" s="7" customFormat="1" ht="30" customHeight="1" x14ac:dyDescent="0.15">
      <c r="A16" s="12">
        <v>7</v>
      </c>
      <c r="B16" s="17"/>
      <c r="C16" s="116" t="s">
        <v>159</v>
      </c>
      <c r="D16" s="18" t="s">
        <v>160</v>
      </c>
      <c r="E16" s="9"/>
      <c r="F16" s="9"/>
      <c r="G16" s="9"/>
      <c r="H16" s="9"/>
      <c r="I16" s="40"/>
      <c r="J16" s="40"/>
    </row>
    <row r="17" spans="1:10" s="7" customFormat="1" ht="30" customHeight="1" x14ac:dyDescent="0.15">
      <c r="A17" s="12">
        <v>8</v>
      </c>
      <c r="B17" s="17"/>
      <c r="C17" s="116" t="s">
        <v>159</v>
      </c>
      <c r="D17" s="18" t="s">
        <v>160</v>
      </c>
      <c r="E17" s="15"/>
      <c r="F17" s="15"/>
      <c r="G17" s="15"/>
      <c r="H17" s="16"/>
      <c r="I17" s="40"/>
      <c r="J17" s="40"/>
    </row>
    <row r="18" spans="1:10" s="7" customFormat="1" ht="30" customHeight="1" x14ac:dyDescent="0.15">
      <c r="A18" s="12">
        <v>9</v>
      </c>
      <c r="B18" s="17"/>
      <c r="C18" s="116" t="s">
        <v>159</v>
      </c>
      <c r="D18" s="18" t="s">
        <v>160</v>
      </c>
      <c r="E18" s="15"/>
      <c r="F18" s="15"/>
      <c r="G18" s="15"/>
      <c r="H18" s="16"/>
      <c r="I18" s="40"/>
      <c r="J18" s="40"/>
    </row>
    <row r="19" spans="1:10" s="7" customFormat="1" ht="30" hidden="1" customHeight="1" x14ac:dyDescent="0.15">
      <c r="A19" s="12">
        <v>10</v>
      </c>
      <c r="B19" s="103"/>
      <c r="C19" s="103"/>
      <c r="D19" s="18" t="s">
        <v>160</v>
      </c>
      <c r="E19" s="9"/>
      <c r="F19" s="9"/>
      <c r="G19" s="9"/>
      <c r="H19" s="105"/>
      <c r="I19" s="103"/>
      <c r="J19" s="103"/>
    </row>
    <row r="20" spans="1:10" s="7" customFormat="1" ht="30" hidden="1" customHeight="1" x14ac:dyDescent="0.15">
      <c r="A20" s="12">
        <v>11</v>
      </c>
      <c r="B20" s="103"/>
      <c r="C20" s="103"/>
      <c r="D20" s="18" t="s">
        <v>160</v>
      </c>
      <c r="E20" s="9"/>
      <c r="F20" s="9"/>
      <c r="G20" s="9"/>
      <c r="H20" s="105"/>
      <c r="I20" s="103"/>
      <c r="J20" s="103"/>
    </row>
    <row r="21" spans="1:10" s="7" customFormat="1" ht="30" hidden="1" customHeight="1" x14ac:dyDescent="0.15">
      <c r="A21" s="12">
        <v>12</v>
      </c>
      <c r="B21" s="103"/>
      <c r="C21" s="103"/>
      <c r="D21" s="18" t="s">
        <v>160</v>
      </c>
      <c r="E21" s="9"/>
      <c r="F21" s="9"/>
      <c r="G21" s="9"/>
      <c r="H21" s="105"/>
      <c r="I21" s="103"/>
      <c r="J21" s="103"/>
    </row>
    <row r="22" spans="1:10" s="7" customFormat="1" ht="30" hidden="1" customHeight="1" x14ac:dyDescent="0.15">
      <c r="A22" s="12">
        <v>13</v>
      </c>
      <c r="B22" s="103"/>
      <c r="C22" s="103"/>
      <c r="D22" s="18" t="s">
        <v>160</v>
      </c>
      <c r="E22" s="9"/>
      <c r="F22" s="9"/>
      <c r="G22" s="9"/>
      <c r="H22" s="105"/>
      <c r="I22" s="103"/>
      <c r="J22" s="103"/>
    </row>
    <row r="23" spans="1:10" ht="30" hidden="1" customHeight="1" x14ac:dyDescent="0.15">
      <c r="A23" s="12">
        <v>14</v>
      </c>
      <c r="B23" s="104"/>
      <c r="C23" s="104"/>
      <c r="D23" s="18" t="s">
        <v>160</v>
      </c>
      <c r="E23" s="15"/>
      <c r="F23" s="15"/>
      <c r="G23" s="15"/>
      <c r="H23" s="16"/>
      <c r="I23" s="104"/>
      <c r="J23" s="104"/>
    </row>
    <row r="24" spans="1:10" ht="30" hidden="1" customHeight="1" x14ac:dyDescent="0.15">
      <c r="A24" s="12">
        <v>15</v>
      </c>
      <c r="B24" s="104"/>
      <c r="C24" s="104"/>
      <c r="D24" s="18" t="s">
        <v>160</v>
      </c>
      <c r="E24" s="15"/>
      <c r="F24" s="15"/>
      <c r="G24" s="15"/>
      <c r="H24" s="16"/>
      <c r="I24" s="104"/>
      <c r="J24" s="104"/>
    </row>
    <row r="25" spans="1:10" ht="30" hidden="1" customHeight="1" x14ac:dyDescent="0.15">
      <c r="A25" s="12">
        <v>16</v>
      </c>
      <c r="B25" s="104"/>
      <c r="C25" s="104"/>
      <c r="D25" s="18" t="s">
        <v>160</v>
      </c>
      <c r="E25" s="15"/>
      <c r="F25" s="15"/>
      <c r="G25" s="15"/>
      <c r="H25" s="16"/>
      <c r="I25" s="104"/>
      <c r="J25" s="104"/>
    </row>
    <row r="26" spans="1:10" ht="30" hidden="1" customHeight="1" x14ac:dyDescent="0.15">
      <c r="A26" s="12">
        <v>17</v>
      </c>
      <c r="B26" s="104"/>
      <c r="C26" s="104"/>
      <c r="D26" s="18" t="s">
        <v>160</v>
      </c>
      <c r="E26" s="15"/>
      <c r="F26" s="15"/>
      <c r="G26" s="15"/>
      <c r="H26" s="16"/>
      <c r="I26" s="104"/>
      <c r="J26" s="104"/>
    </row>
    <row r="27" spans="1:10" ht="30" hidden="1" customHeight="1" x14ac:dyDescent="0.15">
      <c r="A27" s="12">
        <v>18</v>
      </c>
      <c r="B27" s="104"/>
      <c r="C27" s="104"/>
      <c r="D27" s="18" t="s">
        <v>160</v>
      </c>
      <c r="E27" s="15"/>
      <c r="F27" s="15"/>
      <c r="G27" s="15"/>
      <c r="H27" s="16"/>
      <c r="I27" s="104"/>
      <c r="J27" s="104"/>
    </row>
    <row r="28" spans="1:10" ht="30" hidden="1" customHeight="1" x14ac:dyDescent="0.15">
      <c r="A28" s="12">
        <v>19</v>
      </c>
      <c r="B28" s="104"/>
      <c r="C28" s="104"/>
      <c r="D28" s="18" t="s">
        <v>160</v>
      </c>
      <c r="E28" s="15"/>
      <c r="F28" s="15"/>
      <c r="G28" s="15"/>
      <c r="H28" s="16"/>
      <c r="I28" s="104"/>
      <c r="J28" s="104"/>
    </row>
    <row r="29" spans="1:10" hidden="1" x14ac:dyDescent="0.15">
      <c r="A29" s="12">
        <v>20</v>
      </c>
      <c r="B29" s="104"/>
      <c r="C29" s="104"/>
      <c r="D29" s="18" t="s">
        <v>160</v>
      </c>
      <c r="E29" s="15"/>
      <c r="F29" s="15"/>
      <c r="G29" s="15"/>
      <c r="H29" s="16"/>
      <c r="I29" s="104"/>
      <c r="J29" s="104"/>
    </row>
    <row r="30" spans="1:10" hidden="1" x14ac:dyDescent="0.15">
      <c r="A30" s="12">
        <v>21</v>
      </c>
      <c r="B30" s="104"/>
      <c r="C30" s="104"/>
      <c r="D30" s="18" t="s">
        <v>160</v>
      </c>
      <c r="E30" s="15"/>
      <c r="F30" s="15"/>
      <c r="G30" s="15"/>
      <c r="H30" s="16"/>
      <c r="I30" s="104"/>
      <c r="J30" s="104"/>
    </row>
    <row r="31" spans="1:10" hidden="1" x14ac:dyDescent="0.15">
      <c r="A31" s="12">
        <v>22</v>
      </c>
      <c r="B31" s="104"/>
      <c r="C31" s="104"/>
      <c r="D31" s="18" t="s">
        <v>160</v>
      </c>
      <c r="E31" s="15"/>
      <c r="F31" s="15"/>
      <c r="G31" s="15"/>
      <c r="H31" s="16"/>
      <c r="I31" s="104"/>
      <c r="J31" s="104"/>
    </row>
    <row r="32" spans="1:10" hidden="1" x14ac:dyDescent="0.15">
      <c r="A32" s="12">
        <v>23</v>
      </c>
      <c r="B32" s="104"/>
      <c r="C32" s="104"/>
      <c r="D32" s="18" t="s">
        <v>160</v>
      </c>
      <c r="E32" s="15"/>
      <c r="F32" s="15"/>
      <c r="G32" s="15"/>
      <c r="H32" s="16"/>
      <c r="I32" s="104"/>
      <c r="J32" s="104"/>
    </row>
    <row r="33" spans="1:10" hidden="1" x14ac:dyDescent="0.15">
      <c r="A33" s="12">
        <v>24</v>
      </c>
      <c r="B33" s="104"/>
      <c r="C33" s="104"/>
      <c r="D33" s="18" t="s">
        <v>160</v>
      </c>
      <c r="E33" s="15"/>
      <c r="F33" s="15"/>
      <c r="G33" s="15"/>
      <c r="H33" s="16"/>
      <c r="I33" s="104"/>
      <c r="J33" s="104"/>
    </row>
    <row r="34" spans="1:10" hidden="1" x14ac:dyDescent="0.15">
      <c r="A34" s="12">
        <v>25</v>
      </c>
      <c r="B34" s="104"/>
      <c r="C34" s="104"/>
      <c r="D34" s="18" t="s">
        <v>160</v>
      </c>
      <c r="E34" s="15"/>
      <c r="F34" s="15"/>
      <c r="G34" s="15"/>
      <c r="H34" s="16"/>
      <c r="I34" s="104"/>
      <c r="J34" s="104"/>
    </row>
    <row r="35" spans="1:10" hidden="1" x14ac:dyDescent="0.15">
      <c r="A35" s="12">
        <v>26</v>
      </c>
      <c r="B35" s="104"/>
      <c r="C35" s="104"/>
      <c r="D35" s="18" t="s">
        <v>160</v>
      </c>
      <c r="E35" s="15"/>
      <c r="F35" s="15"/>
      <c r="G35" s="15"/>
      <c r="H35" s="16"/>
      <c r="I35" s="104"/>
      <c r="J35" s="104"/>
    </row>
    <row r="36" spans="1:10" hidden="1" x14ac:dyDescent="0.15">
      <c r="A36" s="12">
        <v>27</v>
      </c>
      <c r="B36" s="104"/>
      <c r="C36" s="104"/>
      <c r="D36" s="18" t="s">
        <v>160</v>
      </c>
      <c r="E36" s="15"/>
      <c r="F36" s="15"/>
      <c r="G36" s="15"/>
      <c r="H36" s="16"/>
      <c r="I36" s="104"/>
      <c r="J36" s="104"/>
    </row>
    <row r="37" spans="1:10" hidden="1" x14ac:dyDescent="0.15">
      <c r="A37" s="12">
        <v>28</v>
      </c>
      <c r="B37" s="104"/>
      <c r="C37" s="104"/>
      <c r="D37" s="18" t="s">
        <v>160</v>
      </c>
      <c r="E37" s="15"/>
      <c r="F37" s="15"/>
      <c r="G37" s="15"/>
      <c r="H37" s="16"/>
      <c r="I37" s="104"/>
      <c r="J37" s="104"/>
    </row>
  </sheetData>
  <mergeCells count="2">
    <mergeCell ref="A2:J2"/>
    <mergeCell ref="D9:H9"/>
  </mergeCells>
  <phoneticPr fontId="2"/>
  <pageMargins left="0.78740157480314965" right="0.78740157480314965" top="0.59055118110236227" bottom="0.59055118110236227" header="0.51181102362204722" footer="0.51181102362204722"/>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37"/>
  <sheetViews>
    <sheetView workbookViewId="0">
      <selection activeCell="F41" sqref="F41"/>
    </sheetView>
  </sheetViews>
  <sheetFormatPr defaultColWidth="9" defaultRowHeight="14.25" x14ac:dyDescent="0.15"/>
  <cols>
    <col min="1" max="1" width="4" style="1" customWidth="1"/>
    <col min="2" max="2" width="9.5" style="1" bestFit="1" customWidth="1"/>
    <col min="3" max="3" width="10.625" style="1" customWidth="1"/>
    <col min="4" max="5" width="9" style="1"/>
    <col min="6" max="6" width="4.875" style="1" customWidth="1"/>
    <col min="7" max="7" width="4.625" style="1" customWidth="1"/>
    <col min="8" max="8" width="10.375" style="1" customWidth="1"/>
    <col min="9" max="9" width="12.5" style="1" customWidth="1"/>
    <col min="10" max="10" width="12.625" style="1" customWidth="1"/>
    <col min="11" max="16384" width="9" style="1"/>
  </cols>
  <sheetData>
    <row r="2" spans="1:10" ht="35.1" customHeight="1" x14ac:dyDescent="0.2">
      <c r="A2" s="117" t="s">
        <v>14</v>
      </c>
      <c r="B2" s="117"/>
      <c r="C2" s="117"/>
      <c r="D2" s="117"/>
      <c r="E2" s="117"/>
      <c r="F2" s="117"/>
      <c r="G2" s="117"/>
      <c r="H2" s="117"/>
      <c r="I2" s="117"/>
      <c r="J2" s="117"/>
    </row>
    <row r="3" spans="1:10" ht="27" customHeight="1" x14ac:dyDescent="0.2">
      <c r="A3" s="102"/>
      <c r="B3" s="102"/>
      <c r="C3" s="102"/>
      <c r="D3" s="102"/>
      <c r="E3" s="102"/>
      <c r="F3" s="102"/>
      <c r="G3" s="102"/>
      <c r="H3" s="102"/>
      <c r="I3" s="102"/>
      <c r="J3" s="102"/>
    </row>
    <row r="4" spans="1:10" ht="24.95" customHeight="1" x14ac:dyDescent="0.15">
      <c r="A4" s="13">
        <v>1</v>
      </c>
      <c r="B4" s="10" t="s">
        <v>43</v>
      </c>
      <c r="C4"/>
      <c r="D4" s="10"/>
      <c r="E4" s="10"/>
      <c r="F4" s="10"/>
      <c r="G4" s="13">
        <v>2</v>
      </c>
      <c r="H4" s="10" t="s">
        <v>0</v>
      </c>
      <c r="I4"/>
      <c r="J4" s="10"/>
    </row>
    <row r="5" spans="1:10" ht="24.95" customHeight="1" x14ac:dyDescent="0.15">
      <c r="A5" s="13">
        <v>3</v>
      </c>
      <c r="B5" s="10" t="s">
        <v>1</v>
      </c>
      <c r="C5"/>
      <c r="D5" s="10"/>
      <c r="E5" s="10"/>
      <c r="F5" s="10"/>
      <c r="G5" s="13">
        <v>4</v>
      </c>
      <c r="H5" s="10" t="s">
        <v>2</v>
      </c>
      <c r="I5" s="41"/>
      <c r="J5" s="10" t="s">
        <v>10</v>
      </c>
    </row>
    <row r="6" spans="1:10" ht="24.95" customHeight="1" x14ac:dyDescent="0.15">
      <c r="A6" s="13">
        <v>5</v>
      </c>
      <c r="B6" s="10" t="s">
        <v>3</v>
      </c>
      <c r="C6" s="10" t="s">
        <v>4</v>
      </c>
      <c r="D6" s="39"/>
      <c r="E6" s="10"/>
      <c r="F6" s="10"/>
      <c r="G6" s="10" t="s">
        <v>41</v>
      </c>
      <c r="H6" s="10"/>
      <c r="I6" s="39"/>
      <c r="J6" s="10"/>
    </row>
    <row r="7" spans="1:10" ht="24.95" customHeight="1" x14ac:dyDescent="0.15">
      <c r="A7" s="13">
        <v>6</v>
      </c>
      <c r="B7" s="10" t="s">
        <v>5</v>
      </c>
      <c r="C7" s="10"/>
      <c r="D7" s="10"/>
      <c r="E7" s="10"/>
      <c r="F7" s="10"/>
      <c r="G7" s="10"/>
      <c r="H7" s="10"/>
      <c r="I7" s="10"/>
      <c r="J7" s="10"/>
    </row>
    <row r="8" spans="1:10" ht="8.25" customHeight="1" x14ac:dyDescent="0.15">
      <c r="A8" s="10"/>
      <c r="B8" s="10"/>
      <c r="C8" s="10"/>
      <c r="D8" s="10"/>
      <c r="E8" s="10"/>
      <c r="F8" s="10"/>
      <c r="G8" s="10"/>
      <c r="H8" s="10"/>
      <c r="I8" s="10"/>
      <c r="J8" s="10"/>
    </row>
    <row r="9" spans="1:10" s="7" customFormat="1" ht="30" customHeight="1" x14ac:dyDescent="0.15">
      <c r="A9" s="11"/>
      <c r="B9" s="8" t="s">
        <v>6</v>
      </c>
      <c r="C9" s="8" t="s">
        <v>7</v>
      </c>
      <c r="D9" s="118" t="s">
        <v>1</v>
      </c>
      <c r="E9" s="118"/>
      <c r="F9" s="118"/>
      <c r="G9" s="118"/>
      <c r="H9" s="118"/>
      <c r="I9" s="8" t="s">
        <v>8</v>
      </c>
      <c r="J9" s="8" t="s">
        <v>9</v>
      </c>
    </row>
    <row r="10" spans="1:10" s="7" customFormat="1" ht="30" customHeight="1" x14ac:dyDescent="0.15">
      <c r="A10" s="12">
        <v>1</v>
      </c>
      <c r="B10" s="17"/>
      <c r="C10" s="116" t="s">
        <v>159</v>
      </c>
      <c r="D10" s="18" t="s">
        <v>160</v>
      </c>
      <c r="E10" s="9"/>
      <c r="F10" s="9"/>
      <c r="G10" s="9"/>
      <c r="H10" s="9"/>
      <c r="I10" s="40"/>
      <c r="J10" s="40"/>
    </row>
    <row r="11" spans="1:10" s="7" customFormat="1" ht="30" customHeight="1" x14ac:dyDescent="0.15">
      <c r="A11" s="12">
        <v>2</v>
      </c>
      <c r="B11" s="17"/>
      <c r="C11" s="116" t="s">
        <v>159</v>
      </c>
      <c r="D11" s="18" t="s">
        <v>160</v>
      </c>
      <c r="E11" s="9"/>
      <c r="F11" s="9"/>
      <c r="G11" s="9"/>
      <c r="H11" s="9"/>
      <c r="I11" s="40"/>
      <c r="J11" s="40"/>
    </row>
    <row r="12" spans="1:10" s="7" customFormat="1" ht="30" customHeight="1" x14ac:dyDescent="0.15">
      <c r="A12" s="12">
        <v>3</v>
      </c>
      <c r="B12" s="17"/>
      <c r="C12" s="116" t="s">
        <v>159</v>
      </c>
      <c r="D12" s="18" t="s">
        <v>160</v>
      </c>
      <c r="E12" s="9"/>
      <c r="F12" s="9"/>
      <c r="G12" s="9"/>
      <c r="H12" s="9"/>
      <c r="I12" s="40"/>
      <c r="J12" s="40"/>
    </row>
    <row r="13" spans="1:10" s="7" customFormat="1" ht="30" customHeight="1" x14ac:dyDescent="0.15">
      <c r="A13" s="12">
        <v>4</v>
      </c>
      <c r="B13" s="17"/>
      <c r="C13" s="116" t="s">
        <v>159</v>
      </c>
      <c r="D13" s="18" t="s">
        <v>160</v>
      </c>
      <c r="E13" s="9"/>
      <c r="F13" s="9"/>
      <c r="G13" s="9"/>
      <c r="H13" s="9"/>
      <c r="I13" s="40"/>
      <c r="J13" s="40"/>
    </row>
    <row r="14" spans="1:10" s="7" customFormat="1" ht="30" customHeight="1" x14ac:dyDescent="0.15">
      <c r="A14" s="12">
        <v>5</v>
      </c>
      <c r="B14" s="17"/>
      <c r="C14" s="116" t="s">
        <v>159</v>
      </c>
      <c r="D14" s="18" t="s">
        <v>160</v>
      </c>
      <c r="E14" s="9"/>
      <c r="F14" s="9"/>
      <c r="G14" s="9"/>
      <c r="H14" s="9"/>
      <c r="I14" s="40"/>
      <c r="J14" s="40"/>
    </row>
    <row r="15" spans="1:10" s="7" customFormat="1" ht="30" customHeight="1" x14ac:dyDescent="0.15">
      <c r="A15" s="12">
        <v>6</v>
      </c>
      <c r="B15" s="17"/>
      <c r="C15" s="116" t="s">
        <v>159</v>
      </c>
      <c r="D15" s="18" t="s">
        <v>160</v>
      </c>
      <c r="E15" s="9"/>
      <c r="F15" s="9"/>
      <c r="G15" s="9"/>
      <c r="H15" s="9"/>
      <c r="I15" s="40"/>
      <c r="J15" s="40"/>
    </row>
    <row r="16" spans="1:10" s="7" customFormat="1" ht="30" customHeight="1" x14ac:dyDescent="0.15">
      <c r="A16" s="12">
        <v>7</v>
      </c>
      <c r="B16" s="17"/>
      <c r="C16" s="116" t="s">
        <v>159</v>
      </c>
      <c r="D16" s="18" t="s">
        <v>160</v>
      </c>
      <c r="E16" s="9"/>
      <c r="F16" s="9"/>
      <c r="G16" s="9"/>
      <c r="H16" s="9"/>
      <c r="I16" s="40"/>
      <c r="J16" s="40"/>
    </row>
    <row r="17" spans="1:10" s="7" customFormat="1" ht="30" customHeight="1" x14ac:dyDescent="0.15">
      <c r="A17" s="12">
        <v>8</v>
      </c>
      <c r="B17" s="17"/>
      <c r="C17" s="116" t="s">
        <v>159</v>
      </c>
      <c r="D17" s="18" t="s">
        <v>160</v>
      </c>
      <c r="E17" s="15"/>
      <c r="F17" s="15"/>
      <c r="G17" s="15"/>
      <c r="H17" s="16"/>
      <c r="I17" s="40"/>
      <c r="J17" s="40"/>
    </row>
    <row r="18" spans="1:10" s="7" customFormat="1" ht="30" customHeight="1" x14ac:dyDescent="0.15">
      <c r="A18" s="12">
        <v>9</v>
      </c>
      <c r="B18" s="17"/>
      <c r="C18" s="116" t="s">
        <v>159</v>
      </c>
      <c r="D18" s="18" t="s">
        <v>160</v>
      </c>
      <c r="E18" s="15"/>
      <c r="F18" s="15"/>
      <c r="G18" s="15"/>
      <c r="H18" s="16"/>
      <c r="I18" s="40"/>
      <c r="J18" s="40"/>
    </row>
    <row r="19" spans="1:10" s="7" customFormat="1" ht="30" hidden="1" customHeight="1" x14ac:dyDescent="0.15">
      <c r="A19" s="12">
        <v>10</v>
      </c>
      <c r="B19" s="103"/>
      <c r="C19" s="103"/>
      <c r="D19" s="18" t="s">
        <v>160</v>
      </c>
      <c r="E19" s="9"/>
      <c r="F19" s="9"/>
      <c r="G19" s="9"/>
      <c r="H19" s="105"/>
      <c r="I19" s="103"/>
      <c r="J19" s="103"/>
    </row>
    <row r="20" spans="1:10" s="7" customFormat="1" ht="30" hidden="1" customHeight="1" x14ac:dyDescent="0.15">
      <c r="A20" s="12">
        <v>11</v>
      </c>
      <c r="B20" s="103"/>
      <c r="C20" s="103"/>
      <c r="D20" s="18" t="s">
        <v>160</v>
      </c>
      <c r="E20" s="9"/>
      <c r="F20" s="9"/>
      <c r="G20" s="9"/>
      <c r="H20" s="105"/>
      <c r="I20" s="103"/>
      <c r="J20" s="103"/>
    </row>
    <row r="21" spans="1:10" s="7" customFormat="1" ht="30" hidden="1" customHeight="1" x14ac:dyDescent="0.15">
      <c r="A21" s="12">
        <v>12</v>
      </c>
      <c r="B21" s="103"/>
      <c r="C21" s="103"/>
      <c r="D21" s="18" t="s">
        <v>160</v>
      </c>
      <c r="E21" s="9"/>
      <c r="F21" s="9"/>
      <c r="G21" s="9"/>
      <c r="H21" s="105"/>
      <c r="I21" s="103"/>
      <c r="J21" s="103"/>
    </row>
    <row r="22" spans="1:10" s="7" customFormat="1" ht="30" hidden="1" customHeight="1" x14ac:dyDescent="0.15">
      <c r="A22" s="12">
        <v>13</v>
      </c>
      <c r="B22" s="103"/>
      <c r="C22" s="103"/>
      <c r="D22" s="18" t="s">
        <v>160</v>
      </c>
      <c r="E22" s="9"/>
      <c r="F22" s="9"/>
      <c r="G22" s="9"/>
      <c r="H22" s="105"/>
      <c r="I22" s="103"/>
      <c r="J22" s="103"/>
    </row>
    <row r="23" spans="1:10" ht="30" hidden="1" customHeight="1" x14ac:dyDescent="0.15">
      <c r="A23" s="12">
        <v>14</v>
      </c>
      <c r="B23" s="104"/>
      <c r="C23" s="104"/>
      <c r="D23" s="18" t="s">
        <v>160</v>
      </c>
      <c r="E23" s="15"/>
      <c r="F23" s="15"/>
      <c r="G23" s="15"/>
      <c r="H23" s="16"/>
      <c r="I23" s="104"/>
      <c r="J23" s="104"/>
    </row>
    <row r="24" spans="1:10" ht="30" hidden="1" customHeight="1" x14ac:dyDescent="0.15">
      <c r="A24" s="12">
        <v>15</v>
      </c>
      <c r="B24" s="104"/>
      <c r="C24" s="104"/>
      <c r="D24" s="18" t="s">
        <v>160</v>
      </c>
      <c r="E24" s="15"/>
      <c r="F24" s="15"/>
      <c r="G24" s="15"/>
      <c r="H24" s="16"/>
      <c r="I24" s="104"/>
      <c r="J24" s="104"/>
    </row>
    <row r="25" spans="1:10" ht="30" hidden="1" customHeight="1" x14ac:dyDescent="0.15">
      <c r="A25" s="12">
        <v>16</v>
      </c>
      <c r="B25" s="104"/>
      <c r="C25" s="104"/>
      <c r="D25" s="18" t="s">
        <v>160</v>
      </c>
      <c r="E25" s="15"/>
      <c r="F25" s="15"/>
      <c r="G25" s="15"/>
      <c r="H25" s="16"/>
      <c r="I25" s="104"/>
      <c r="J25" s="104"/>
    </row>
    <row r="26" spans="1:10" ht="30" hidden="1" customHeight="1" x14ac:dyDescent="0.15">
      <c r="A26" s="12">
        <v>17</v>
      </c>
      <c r="B26" s="104"/>
      <c r="C26" s="104"/>
      <c r="D26" s="18" t="s">
        <v>160</v>
      </c>
      <c r="E26" s="15"/>
      <c r="F26" s="15"/>
      <c r="G26" s="15"/>
      <c r="H26" s="16"/>
      <c r="I26" s="104"/>
      <c r="J26" s="104"/>
    </row>
    <row r="27" spans="1:10" ht="30" hidden="1" customHeight="1" x14ac:dyDescent="0.15">
      <c r="A27" s="12">
        <v>18</v>
      </c>
      <c r="B27" s="104"/>
      <c r="C27" s="104"/>
      <c r="D27" s="18" t="s">
        <v>160</v>
      </c>
      <c r="E27" s="15"/>
      <c r="F27" s="15"/>
      <c r="G27" s="15"/>
      <c r="H27" s="16"/>
      <c r="I27" s="104"/>
      <c r="J27" s="104"/>
    </row>
    <row r="28" spans="1:10" ht="30" hidden="1" customHeight="1" x14ac:dyDescent="0.15">
      <c r="A28" s="12">
        <v>19</v>
      </c>
      <c r="B28" s="104"/>
      <c r="C28" s="104"/>
      <c r="D28" s="18" t="s">
        <v>160</v>
      </c>
      <c r="E28" s="15"/>
      <c r="F28" s="15"/>
      <c r="G28" s="15"/>
      <c r="H28" s="16"/>
      <c r="I28" s="104"/>
      <c r="J28" s="104"/>
    </row>
    <row r="29" spans="1:10" hidden="1" x14ac:dyDescent="0.15">
      <c r="A29" s="12">
        <v>20</v>
      </c>
      <c r="B29" s="104"/>
      <c r="C29" s="104"/>
      <c r="D29" s="18" t="s">
        <v>160</v>
      </c>
      <c r="E29" s="15"/>
      <c r="F29" s="15"/>
      <c r="G29" s="15"/>
      <c r="H29" s="16"/>
      <c r="I29" s="104"/>
      <c r="J29" s="104"/>
    </row>
    <row r="30" spans="1:10" hidden="1" x14ac:dyDescent="0.15">
      <c r="A30" s="12">
        <v>21</v>
      </c>
      <c r="B30" s="104"/>
      <c r="C30" s="104"/>
      <c r="D30" s="18" t="s">
        <v>160</v>
      </c>
      <c r="E30" s="15"/>
      <c r="F30" s="15"/>
      <c r="G30" s="15"/>
      <c r="H30" s="16"/>
      <c r="I30" s="104"/>
      <c r="J30" s="104"/>
    </row>
    <row r="31" spans="1:10" hidden="1" x14ac:dyDescent="0.15">
      <c r="A31" s="12">
        <v>22</v>
      </c>
      <c r="B31" s="104"/>
      <c r="C31" s="104"/>
      <c r="D31" s="18" t="s">
        <v>160</v>
      </c>
      <c r="E31" s="15"/>
      <c r="F31" s="15"/>
      <c r="G31" s="15"/>
      <c r="H31" s="16"/>
      <c r="I31" s="104"/>
      <c r="J31" s="104"/>
    </row>
    <row r="32" spans="1:10" hidden="1" x14ac:dyDescent="0.15">
      <c r="A32" s="12">
        <v>23</v>
      </c>
      <c r="B32" s="104"/>
      <c r="C32" s="104"/>
      <c r="D32" s="18" t="s">
        <v>160</v>
      </c>
      <c r="E32" s="15"/>
      <c r="F32" s="15"/>
      <c r="G32" s="15"/>
      <c r="H32" s="16"/>
      <c r="I32" s="104"/>
      <c r="J32" s="104"/>
    </row>
    <row r="33" spans="1:10" hidden="1" x14ac:dyDescent="0.15">
      <c r="A33" s="12">
        <v>24</v>
      </c>
      <c r="B33" s="104"/>
      <c r="C33" s="104"/>
      <c r="D33" s="18" t="s">
        <v>160</v>
      </c>
      <c r="E33" s="15"/>
      <c r="F33" s="15"/>
      <c r="G33" s="15"/>
      <c r="H33" s="16"/>
      <c r="I33" s="104"/>
      <c r="J33" s="104"/>
    </row>
    <row r="34" spans="1:10" hidden="1" x14ac:dyDescent="0.15">
      <c r="A34" s="12">
        <v>25</v>
      </c>
      <c r="B34" s="104"/>
      <c r="C34" s="104"/>
      <c r="D34" s="18" t="s">
        <v>160</v>
      </c>
      <c r="E34" s="15"/>
      <c r="F34" s="15"/>
      <c r="G34" s="15"/>
      <c r="H34" s="16"/>
      <c r="I34" s="104"/>
      <c r="J34" s="104"/>
    </row>
    <row r="35" spans="1:10" hidden="1" x14ac:dyDescent="0.15">
      <c r="A35" s="12">
        <v>26</v>
      </c>
      <c r="B35" s="104"/>
      <c r="C35" s="104"/>
      <c r="D35" s="18" t="s">
        <v>160</v>
      </c>
      <c r="E35" s="15"/>
      <c r="F35" s="15"/>
      <c r="G35" s="15"/>
      <c r="H35" s="16"/>
      <c r="I35" s="104"/>
      <c r="J35" s="104"/>
    </row>
    <row r="36" spans="1:10" hidden="1" x14ac:dyDescent="0.15">
      <c r="A36" s="12">
        <v>27</v>
      </c>
      <c r="B36" s="104"/>
      <c r="C36" s="104"/>
      <c r="D36" s="18" t="s">
        <v>160</v>
      </c>
      <c r="E36" s="15"/>
      <c r="F36" s="15"/>
      <c r="G36" s="15"/>
      <c r="H36" s="16"/>
      <c r="I36" s="104"/>
      <c r="J36" s="104"/>
    </row>
    <row r="37" spans="1:10" hidden="1" x14ac:dyDescent="0.15">
      <c r="A37" s="12">
        <v>28</v>
      </c>
      <c r="B37" s="104"/>
      <c r="C37" s="104"/>
      <c r="D37" s="18" t="s">
        <v>160</v>
      </c>
      <c r="E37" s="15"/>
      <c r="F37" s="15"/>
      <c r="G37" s="15"/>
      <c r="H37" s="16"/>
      <c r="I37" s="104"/>
      <c r="J37" s="104"/>
    </row>
  </sheetData>
  <mergeCells count="2">
    <mergeCell ref="A2:J2"/>
    <mergeCell ref="D9:H9"/>
  </mergeCells>
  <phoneticPr fontId="2"/>
  <pageMargins left="0.78740157480314965" right="0.78740157480314965" top="0.59055118110236227" bottom="0.59055118110236227" header="0.51181102362204722" footer="0.51181102362204722"/>
  <pageSetup paperSize="9" orientation="portrait"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36"/>
  <sheetViews>
    <sheetView zoomScaleNormal="100" workbookViewId="0">
      <selection activeCell="G5" sqref="G5"/>
    </sheetView>
  </sheetViews>
  <sheetFormatPr defaultColWidth="9" defaultRowHeight="13.5" x14ac:dyDescent="0.15"/>
  <cols>
    <col min="1" max="1" width="4.625" style="25" customWidth="1"/>
    <col min="2" max="2" width="6.25" style="25" customWidth="1"/>
    <col min="3" max="3" width="5" style="25" bestFit="1" customWidth="1"/>
    <col min="4" max="5" width="18.375" style="25" customWidth="1"/>
    <col min="6" max="6" width="13.25" style="25" customWidth="1"/>
    <col min="7" max="7" width="26.25" style="25" customWidth="1"/>
    <col min="8" max="16384" width="9" style="25"/>
  </cols>
  <sheetData>
    <row r="1" spans="1:7" s="19" customFormat="1" ht="26.25" customHeight="1" x14ac:dyDescent="0.15">
      <c r="A1" s="121" t="s">
        <v>52</v>
      </c>
      <c r="B1" s="121"/>
      <c r="C1" s="121"/>
      <c r="D1" s="121"/>
      <c r="E1" s="121"/>
      <c r="F1" s="121"/>
      <c r="G1" s="121"/>
    </row>
    <row r="2" spans="1:7" s="19" customFormat="1" ht="10.5" customHeight="1" x14ac:dyDescent="0.15"/>
    <row r="3" spans="1:7" s="20" customFormat="1" ht="20.100000000000001" customHeight="1" x14ac:dyDescent="0.15">
      <c r="B3" s="21"/>
      <c r="C3" s="21"/>
      <c r="D3" s="21"/>
      <c r="F3" s="22" t="s">
        <v>37</v>
      </c>
      <c r="G3" s="23"/>
    </row>
    <row r="4" spans="1:7" s="20" customFormat="1" ht="10.5" customHeight="1" x14ac:dyDescent="0.15">
      <c r="B4" s="21"/>
      <c r="C4" s="21"/>
      <c r="D4" s="21"/>
      <c r="G4" s="24"/>
    </row>
    <row r="5" spans="1:7" s="20" customFormat="1" ht="20.100000000000001" customHeight="1" x14ac:dyDescent="0.15">
      <c r="F5" s="22" t="s">
        <v>29</v>
      </c>
      <c r="G5" s="23"/>
    </row>
    <row r="6" spans="1:7" x14ac:dyDescent="0.15">
      <c r="E6" s="26"/>
      <c r="G6" s="26"/>
    </row>
    <row r="7" spans="1:7" x14ac:dyDescent="0.15">
      <c r="E7" s="26"/>
      <c r="G7" s="26"/>
    </row>
    <row r="8" spans="1:7" ht="22.5" customHeight="1" x14ac:dyDescent="0.15">
      <c r="B8" s="119" t="s">
        <v>53</v>
      </c>
      <c r="C8" s="120"/>
      <c r="D8" s="27" t="s">
        <v>30</v>
      </c>
      <c r="E8" s="28" t="s">
        <v>31</v>
      </c>
      <c r="F8" s="29" t="s">
        <v>32</v>
      </c>
      <c r="G8" s="28" t="s">
        <v>33</v>
      </c>
    </row>
    <row r="9" spans="1:7" s="20" customFormat="1" ht="22.5" customHeight="1" x14ac:dyDescent="0.15">
      <c r="B9" s="30" t="s">
        <v>54</v>
      </c>
      <c r="C9" s="96" t="s">
        <v>143</v>
      </c>
      <c r="D9" s="31" t="s">
        <v>34</v>
      </c>
      <c r="E9" s="31" t="s">
        <v>34</v>
      </c>
      <c r="F9" s="32"/>
      <c r="G9" s="33"/>
    </row>
    <row r="10" spans="1:7" s="20" customFormat="1" ht="22.5" customHeight="1" x14ac:dyDescent="0.15">
      <c r="B10" s="30" t="s">
        <v>55</v>
      </c>
      <c r="C10" s="96" t="s">
        <v>144</v>
      </c>
      <c r="D10" s="31" t="s">
        <v>34</v>
      </c>
      <c r="E10" s="31" t="s">
        <v>34</v>
      </c>
      <c r="F10" s="32"/>
      <c r="G10" s="33"/>
    </row>
    <row r="11" spans="1:7" s="20" customFormat="1" ht="22.5" customHeight="1" x14ac:dyDescent="0.15">
      <c r="B11" s="30" t="s">
        <v>56</v>
      </c>
      <c r="C11" s="96" t="s">
        <v>21</v>
      </c>
      <c r="D11" s="31" t="s">
        <v>34</v>
      </c>
      <c r="E11" s="31" t="s">
        <v>34</v>
      </c>
      <c r="F11" s="32"/>
      <c r="G11" s="33"/>
    </row>
    <row r="12" spans="1:7" s="20" customFormat="1" ht="22.5" customHeight="1" x14ac:dyDescent="0.15">
      <c r="B12" s="97" t="s">
        <v>57</v>
      </c>
      <c r="C12" s="98" t="s">
        <v>17</v>
      </c>
      <c r="D12" s="99" t="s">
        <v>34</v>
      </c>
      <c r="E12" s="99" t="s">
        <v>34</v>
      </c>
      <c r="F12" s="100"/>
      <c r="G12" s="101" t="s">
        <v>142</v>
      </c>
    </row>
    <row r="13" spans="1:7" s="20" customFormat="1" ht="22.5" customHeight="1" x14ac:dyDescent="0.15">
      <c r="B13" s="97" t="s">
        <v>58</v>
      </c>
      <c r="C13" s="98" t="s">
        <v>20</v>
      </c>
      <c r="D13" s="99" t="s">
        <v>34</v>
      </c>
      <c r="E13" s="99" t="s">
        <v>34</v>
      </c>
      <c r="F13" s="100"/>
      <c r="G13" s="101" t="s">
        <v>145</v>
      </c>
    </row>
    <row r="14" spans="1:7" s="20" customFormat="1" ht="22.5" customHeight="1" x14ac:dyDescent="0.15">
      <c r="B14" s="97" t="s">
        <v>59</v>
      </c>
      <c r="C14" s="98" t="s">
        <v>15</v>
      </c>
      <c r="D14" s="99" t="s">
        <v>34</v>
      </c>
      <c r="E14" s="99" t="s">
        <v>34</v>
      </c>
      <c r="F14" s="100"/>
      <c r="G14" s="101" t="s">
        <v>145</v>
      </c>
    </row>
    <row r="15" spans="1:7" s="20" customFormat="1" ht="22.5" customHeight="1" x14ac:dyDescent="0.15">
      <c r="B15" s="30" t="s">
        <v>60</v>
      </c>
      <c r="C15" s="96" t="s">
        <v>18</v>
      </c>
      <c r="D15" s="31" t="s">
        <v>34</v>
      </c>
      <c r="E15" s="31" t="s">
        <v>34</v>
      </c>
      <c r="F15" s="32"/>
      <c r="G15" s="33"/>
    </row>
    <row r="16" spans="1:7" s="20" customFormat="1" ht="22.5" customHeight="1" x14ac:dyDescent="0.15">
      <c r="B16" s="30" t="s">
        <v>61</v>
      </c>
      <c r="C16" s="96" t="s">
        <v>16</v>
      </c>
      <c r="D16" s="31" t="s">
        <v>34</v>
      </c>
      <c r="E16" s="31" t="s">
        <v>34</v>
      </c>
      <c r="F16" s="34"/>
      <c r="G16" s="35"/>
    </row>
    <row r="17" spans="2:7" s="20" customFormat="1" ht="22.5" customHeight="1" x14ac:dyDescent="0.15">
      <c r="B17" s="97" t="s">
        <v>62</v>
      </c>
      <c r="C17" s="98" t="s">
        <v>19</v>
      </c>
      <c r="D17" s="99" t="s">
        <v>34</v>
      </c>
      <c r="E17" s="99" t="s">
        <v>34</v>
      </c>
      <c r="F17" s="100"/>
      <c r="G17" s="101" t="s">
        <v>142</v>
      </c>
    </row>
    <row r="18" spans="2:7" s="20" customFormat="1" ht="22.5" customHeight="1" x14ac:dyDescent="0.15">
      <c r="B18" s="30" t="s">
        <v>63</v>
      </c>
      <c r="C18" s="96" t="s">
        <v>21</v>
      </c>
      <c r="D18" s="31" t="s">
        <v>34</v>
      </c>
      <c r="E18" s="31" t="s">
        <v>34</v>
      </c>
      <c r="F18" s="32"/>
      <c r="G18" s="33"/>
    </row>
    <row r="19" spans="2:7" s="20" customFormat="1" ht="22.5" customHeight="1" x14ac:dyDescent="0.15">
      <c r="B19" s="30" t="s">
        <v>64</v>
      </c>
      <c r="C19" s="96" t="s">
        <v>17</v>
      </c>
      <c r="D19" s="31" t="s">
        <v>34</v>
      </c>
      <c r="E19" s="31" t="s">
        <v>34</v>
      </c>
      <c r="F19" s="32"/>
      <c r="G19" s="33"/>
    </row>
    <row r="20" spans="2:7" s="20" customFormat="1" ht="22.5" customHeight="1" x14ac:dyDescent="0.15">
      <c r="B20" s="97" t="s">
        <v>65</v>
      </c>
      <c r="C20" s="98" t="s">
        <v>20</v>
      </c>
      <c r="D20" s="99" t="s">
        <v>34</v>
      </c>
      <c r="E20" s="99" t="s">
        <v>34</v>
      </c>
      <c r="F20" s="100"/>
      <c r="G20" s="101" t="s">
        <v>145</v>
      </c>
    </row>
    <row r="21" spans="2:7" s="20" customFormat="1" ht="22.5" customHeight="1" x14ac:dyDescent="0.15">
      <c r="B21" s="97" t="s">
        <v>66</v>
      </c>
      <c r="C21" s="98" t="s">
        <v>15</v>
      </c>
      <c r="D21" s="99" t="s">
        <v>34</v>
      </c>
      <c r="E21" s="99" t="s">
        <v>34</v>
      </c>
      <c r="F21" s="100"/>
      <c r="G21" s="101" t="s">
        <v>145</v>
      </c>
    </row>
    <row r="22" spans="2:7" s="20" customFormat="1" ht="22.5" customHeight="1" x14ac:dyDescent="0.15">
      <c r="B22" s="30" t="s">
        <v>67</v>
      </c>
      <c r="C22" s="96" t="s">
        <v>18</v>
      </c>
      <c r="D22" s="31" t="s">
        <v>34</v>
      </c>
      <c r="E22" s="31" t="s">
        <v>34</v>
      </c>
      <c r="F22" s="32"/>
      <c r="G22" s="33"/>
    </row>
    <row r="23" spans="2:7" s="20" customFormat="1" ht="22.5" customHeight="1" x14ac:dyDescent="0.15">
      <c r="B23" s="119" t="s">
        <v>141</v>
      </c>
      <c r="C23" s="122"/>
      <c r="D23" s="31"/>
      <c r="E23" s="31"/>
      <c r="F23" s="32"/>
      <c r="G23" s="95"/>
    </row>
    <row r="24" spans="2:7" s="20" customFormat="1" ht="22.5" customHeight="1" x14ac:dyDescent="0.15">
      <c r="B24" s="30" t="s">
        <v>69</v>
      </c>
      <c r="C24" s="96" t="s">
        <v>143</v>
      </c>
      <c r="D24" s="31" t="s">
        <v>34</v>
      </c>
      <c r="E24" s="31" t="s">
        <v>34</v>
      </c>
      <c r="F24" s="34"/>
      <c r="G24" s="35"/>
    </row>
    <row r="25" spans="2:7" s="20" customFormat="1" ht="22.5" hidden="1" customHeight="1" x14ac:dyDescent="0.15">
      <c r="B25" s="30"/>
      <c r="C25" s="29"/>
      <c r="D25" s="31"/>
      <c r="E25" s="31"/>
      <c r="F25" s="32"/>
      <c r="G25" s="33"/>
    </row>
    <row r="26" spans="2:7" s="20" customFormat="1" ht="22.5" hidden="1" customHeight="1" x14ac:dyDescent="0.15">
      <c r="B26" s="30"/>
      <c r="C26" s="29"/>
      <c r="D26" s="31"/>
      <c r="E26" s="31"/>
      <c r="F26" s="32"/>
      <c r="G26" s="33"/>
    </row>
    <row r="27" spans="2:7" s="20" customFormat="1" ht="22.5" hidden="1" customHeight="1" x14ac:dyDescent="0.15">
      <c r="B27" s="30"/>
      <c r="C27" s="29"/>
      <c r="D27" s="31"/>
      <c r="E27" s="31"/>
      <c r="F27" s="32"/>
      <c r="G27" s="33"/>
    </row>
    <row r="28" spans="2:7" s="20" customFormat="1" ht="22.5" hidden="1" customHeight="1" x14ac:dyDescent="0.15">
      <c r="B28" s="30"/>
      <c r="C28" s="29"/>
      <c r="D28" s="31"/>
      <c r="E28" s="31"/>
      <c r="F28" s="32"/>
      <c r="G28" s="33"/>
    </row>
    <row r="29" spans="2:7" s="20" customFormat="1" ht="22.5" hidden="1" customHeight="1" x14ac:dyDescent="0.15">
      <c r="B29" s="30"/>
      <c r="C29" s="29"/>
      <c r="D29" s="31"/>
      <c r="E29" s="31"/>
      <c r="F29" s="32"/>
      <c r="G29" s="33"/>
    </row>
    <row r="30" spans="2:7" s="20" customFormat="1" ht="22.5" hidden="1" customHeight="1" x14ac:dyDescent="0.15">
      <c r="B30" s="30"/>
      <c r="C30" s="29"/>
      <c r="D30" s="31"/>
      <c r="E30" s="31"/>
      <c r="F30" s="32"/>
      <c r="G30" s="33"/>
    </row>
    <row r="31" spans="2:7" s="20" customFormat="1" ht="22.5" hidden="1" customHeight="1" x14ac:dyDescent="0.15">
      <c r="B31" s="30"/>
      <c r="C31" s="29"/>
      <c r="D31" s="31"/>
      <c r="E31" s="31"/>
      <c r="F31" s="34"/>
      <c r="G31" s="35"/>
    </row>
    <row r="32" spans="2:7" s="20" customFormat="1" ht="22.5" hidden="1" customHeight="1" x14ac:dyDescent="0.15">
      <c r="B32" s="30"/>
      <c r="C32" s="29"/>
      <c r="D32" s="31"/>
      <c r="E32" s="31"/>
      <c r="F32" s="32"/>
      <c r="G32" s="33"/>
    </row>
    <row r="33" spans="2:7" s="20" customFormat="1" ht="22.5" hidden="1" customHeight="1" x14ac:dyDescent="0.15">
      <c r="B33" s="30"/>
      <c r="C33" s="29"/>
      <c r="D33" s="31"/>
      <c r="E33" s="31"/>
      <c r="F33" s="32"/>
      <c r="G33" s="33"/>
    </row>
    <row r="34" spans="2:7" s="20" customFormat="1" ht="22.5" hidden="1" customHeight="1" x14ac:dyDescent="0.15">
      <c r="B34" s="30"/>
      <c r="C34" s="29"/>
      <c r="D34" s="31"/>
      <c r="E34" s="31"/>
      <c r="F34" s="32"/>
      <c r="G34" s="33"/>
    </row>
    <row r="35" spans="2:7" s="20" customFormat="1" ht="22.5" hidden="1" customHeight="1" x14ac:dyDescent="0.15">
      <c r="B35" s="30"/>
      <c r="C35" s="29"/>
      <c r="D35" s="31"/>
      <c r="E35" s="31"/>
      <c r="F35" s="32"/>
      <c r="G35" s="33"/>
    </row>
    <row r="36" spans="2:7" ht="22.5" hidden="1" customHeight="1" x14ac:dyDescent="0.15">
      <c r="B36" s="30"/>
      <c r="C36" s="29"/>
      <c r="D36" s="31"/>
      <c r="E36" s="31"/>
      <c r="F36" s="32"/>
      <c r="G36" s="33"/>
    </row>
    <row r="37" spans="2:7" ht="22.5" hidden="1" customHeight="1" x14ac:dyDescent="0.15">
      <c r="B37" s="30"/>
      <c r="C37" s="29"/>
      <c r="D37" s="31"/>
      <c r="E37" s="31"/>
      <c r="F37" s="32"/>
      <c r="G37" s="33"/>
    </row>
    <row r="38" spans="2:7" ht="22.5" hidden="1" customHeight="1" x14ac:dyDescent="0.15">
      <c r="B38" s="30"/>
      <c r="C38" s="29"/>
      <c r="D38" s="31"/>
      <c r="E38" s="31"/>
      <c r="F38" s="32"/>
      <c r="G38" s="33"/>
    </row>
    <row r="39" spans="2:7" ht="22.5" hidden="1" customHeight="1" x14ac:dyDescent="0.15">
      <c r="B39" s="30"/>
      <c r="C39" s="29"/>
      <c r="D39" s="31"/>
      <c r="E39" s="31"/>
      <c r="F39" s="32"/>
      <c r="G39" s="33"/>
    </row>
    <row r="40" spans="2:7" ht="22.5" hidden="1" customHeight="1" x14ac:dyDescent="0.15">
      <c r="B40" s="30"/>
      <c r="C40" s="29"/>
      <c r="D40" s="31"/>
      <c r="E40" s="31"/>
      <c r="F40" s="32"/>
      <c r="G40" s="33"/>
    </row>
    <row r="41" spans="2:7" ht="22.5" hidden="1" customHeight="1" x14ac:dyDescent="0.15">
      <c r="B41" s="30"/>
      <c r="C41" s="29"/>
      <c r="D41" s="31"/>
      <c r="E41" s="31"/>
      <c r="F41" s="32"/>
      <c r="G41" s="33"/>
    </row>
    <row r="42" spans="2:7" ht="22.5" hidden="1" customHeight="1" x14ac:dyDescent="0.15">
      <c r="B42" s="30"/>
      <c r="C42" s="29"/>
      <c r="D42" s="31"/>
      <c r="E42" s="31"/>
      <c r="F42" s="32"/>
      <c r="G42" s="33"/>
    </row>
    <row r="43" spans="2:7" ht="22.5" hidden="1" customHeight="1" x14ac:dyDescent="0.15">
      <c r="B43" s="30"/>
      <c r="C43" s="29"/>
      <c r="D43" s="31"/>
      <c r="E43" s="31"/>
      <c r="F43" s="32"/>
      <c r="G43" s="33"/>
    </row>
    <row r="44" spans="2:7" ht="22.5" hidden="1" customHeight="1" x14ac:dyDescent="0.15">
      <c r="B44" s="30"/>
      <c r="C44" s="29"/>
      <c r="D44" s="31"/>
      <c r="E44" s="31"/>
      <c r="F44" s="32"/>
      <c r="G44" s="33"/>
    </row>
    <row r="45" spans="2:7" ht="22.5" hidden="1" customHeight="1" x14ac:dyDescent="0.15">
      <c r="B45" s="30"/>
      <c r="C45" s="29"/>
      <c r="D45" s="31"/>
      <c r="E45" s="31"/>
      <c r="F45" s="32"/>
      <c r="G45" s="33"/>
    </row>
    <row r="46" spans="2:7" ht="22.5" hidden="1" customHeight="1" x14ac:dyDescent="0.15">
      <c r="B46" s="30"/>
      <c r="C46" s="29"/>
      <c r="D46" s="31"/>
      <c r="E46" s="31"/>
      <c r="F46" s="32"/>
      <c r="G46" s="33"/>
    </row>
    <row r="47" spans="2:7" ht="22.5" hidden="1" customHeight="1" x14ac:dyDescent="0.15">
      <c r="B47" s="30"/>
      <c r="C47" s="29"/>
      <c r="D47" s="31"/>
      <c r="E47" s="31"/>
      <c r="F47" s="32"/>
      <c r="G47" s="33"/>
    </row>
    <row r="48" spans="2:7" ht="22.5" hidden="1" customHeight="1" x14ac:dyDescent="0.15">
      <c r="B48" s="30"/>
      <c r="C48" s="29"/>
      <c r="D48" s="31"/>
      <c r="E48" s="31"/>
      <c r="F48" s="32"/>
      <c r="G48" s="33"/>
    </row>
    <row r="49" spans="2:7" ht="22.5" hidden="1" customHeight="1" x14ac:dyDescent="0.15">
      <c r="B49" s="30"/>
      <c r="C49" s="29"/>
      <c r="D49" s="31"/>
      <c r="E49" s="31"/>
      <c r="F49" s="32"/>
      <c r="G49" s="33"/>
    </row>
    <row r="50" spans="2:7" ht="22.5" hidden="1" customHeight="1" x14ac:dyDescent="0.15">
      <c r="B50" s="30"/>
      <c r="C50" s="29"/>
      <c r="D50" s="31"/>
      <c r="E50" s="31"/>
      <c r="F50" s="32"/>
      <c r="G50" s="33"/>
    </row>
    <row r="51" spans="2:7" ht="22.5" hidden="1" customHeight="1" x14ac:dyDescent="0.15">
      <c r="B51" s="30"/>
      <c r="C51" s="29"/>
      <c r="D51" s="31"/>
      <c r="E51" s="31"/>
      <c r="F51" s="32"/>
      <c r="G51" s="33"/>
    </row>
    <row r="52" spans="2:7" ht="22.5" hidden="1" customHeight="1" x14ac:dyDescent="0.15">
      <c r="B52" s="30"/>
      <c r="C52" s="29"/>
      <c r="D52" s="31"/>
      <c r="E52" s="31"/>
      <c r="F52" s="32"/>
      <c r="G52" s="33"/>
    </row>
    <row r="53" spans="2:7" ht="21" customHeight="1" x14ac:dyDescent="0.15"/>
    <row r="54" spans="2:7" ht="21" customHeight="1" x14ac:dyDescent="0.15">
      <c r="C54" s="37" t="s">
        <v>35</v>
      </c>
    </row>
    <row r="55" spans="2:7" ht="21" customHeight="1" x14ac:dyDescent="0.15">
      <c r="C55" s="37" t="s">
        <v>36</v>
      </c>
    </row>
    <row r="56" spans="2:7" ht="21" customHeight="1" x14ac:dyDescent="0.15"/>
    <row r="57" spans="2:7" ht="21" customHeight="1" x14ac:dyDescent="0.15"/>
    <row r="58" spans="2:7" ht="21" customHeight="1" x14ac:dyDescent="0.15"/>
    <row r="59" spans="2:7" ht="21" customHeight="1" x14ac:dyDescent="0.15"/>
    <row r="60" spans="2:7" ht="21" customHeight="1" x14ac:dyDescent="0.15"/>
    <row r="61" spans="2:7" ht="21" customHeight="1" x14ac:dyDescent="0.15"/>
    <row r="62" spans="2:7" ht="21" customHeight="1" x14ac:dyDescent="0.15"/>
    <row r="63" spans="2:7" ht="21" customHeight="1" x14ac:dyDescent="0.15"/>
    <row r="64" spans="2:7" ht="21" customHeight="1" x14ac:dyDescent="0.15"/>
    <row r="65" ht="21" customHeight="1" x14ac:dyDescent="0.15"/>
    <row r="66" ht="21" customHeight="1" x14ac:dyDescent="0.15"/>
    <row r="67" ht="21" customHeight="1" x14ac:dyDescent="0.15"/>
    <row r="68" ht="21" customHeight="1" x14ac:dyDescent="0.15"/>
    <row r="69" ht="21" customHeight="1" x14ac:dyDescent="0.15"/>
    <row r="70" ht="21" customHeight="1" x14ac:dyDescent="0.15"/>
    <row r="71" ht="21" customHeight="1" x14ac:dyDescent="0.15"/>
    <row r="72" ht="21" customHeight="1" x14ac:dyDescent="0.15"/>
    <row r="73" ht="21" customHeight="1" x14ac:dyDescent="0.15"/>
    <row r="74" ht="21" customHeight="1" x14ac:dyDescent="0.15"/>
    <row r="75" ht="21" customHeight="1" x14ac:dyDescent="0.15"/>
    <row r="76" ht="21" customHeight="1" x14ac:dyDescent="0.15"/>
    <row r="77" ht="21" customHeight="1" x14ac:dyDescent="0.15"/>
    <row r="78" ht="21" customHeight="1" x14ac:dyDescent="0.15"/>
    <row r="79" ht="21" customHeight="1" x14ac:dyDescent="0.15"/>
    <row r="80" ht="21" customHeight="1" x14ac:dyDescent="0.15"/>
    <row r="81" ht="21" customHeight="1" x14ac:dyDescent="0.15"/>
    <row r="82" ht="21" customHeight="1" x14ac:dyDescent="0.15"/>
    <row r="83" ht="21" customHeight="1" x14ac:dyDescent="0.15"/>
    <row r="84" ht="21" customHeight="1" x14ac:dyDescent="0.15"/>
    <row r="85" ht="21" customHeight="1" x14ac:dyDescent="0.15"/>
    <row r="86" ht="21" customHeight="1" x14ac:dyDescent="0.15"/>
    <row r="87" ht="21" customHeight="1" x14ac:dyDescent="0.15"/>
    <row r="88" ht="21" customHeight="1" x14ac:dyDescent="0.15"/>
    <row r="89" ht="21" customHeight="1" x14ac:dyDescent="0.15"/>
    <row r="90" ht="21" customHeight="1" x14ac:dyDescent="0.15"/>
    <row r="91" ht="21" customHeight="1" x14ac:dyDescent="0.15"/>
    <row r="92" ht="21" customHeight="1" x14ac:dyDescent="0.15"/>
    <row r="93" ht="21" customHeight="1" x14ac:dyDescent="0.15"/>
    <row r="94" ht="21" customHeight="1" x14ac:dyDescent="0.15"/>
    <row r="95" ht="21" customHeight="1" x14ac:dyDescent="0.15"/>
    <row r="96" ht="21" customHeight="1" x14ac:dyDescent="0.15"/>
    <row r="97" ht="21" customHeight="1" x14ac:dyDescent="0.15"/>
    <row r="98" ht="21" customHeight="1" x14ac:dyDescent="0.15"/>
    <row r="99" ht="21" customHeight="1" x14ac:dyDescent="0.15"/>
    <row r="100" ht="21" customHeight="1" x14ac:dyDescent="0.15"/>
    <row r="101" ht="21" customHeight="1" x14ac:dyDescent="0.15"/>
    <row r="102" ht="21" customHeight="1" x14ac:dyDescent="0.15"/>
    <row r="103" ht="21" customHeight="1" x14ac:dyDescent="0.15"/>
    <row r="104" ht="21" customHeight="1" x14ac:dyDescent="0.15"/>
    <row r="105" ht="21" customHeight="1" x14ac:dyDescent="0.15"/>
    <row r="106" ht="21" customHeight="1" x14ac:dyDescent="0.15"/>
    <row r="107" ht="21" customHeight="1" x14ac:dyDescent="0.15"/>
    <row r="108" ht="21" customHeight="1" x14ac:dyDescent="0.15"/>
    <row r="109" ht="21" customHeight="1" x14ac:dyDescent="0.15"/>
    <row r="110" ht="21" customHeight="1" x14ac:dyDescent="0.15"/>
    <row r="111" ht="21" customHeight="1" x14ac:dyDescent="0.15"/>
    <row r="112" ht="21" customHeight="1" x14ac:dyDescent="0.15"/>
    <row r="113" ht="21" customHeight="1" x14ac:dyDescent="0.15"/>
    <row r="114" ht="21" customHeight="1" x14ac:dyDescent="0.15"/>
    <row r="115" ht="21" customHeight="1" x14ac:dyDescent="0.15"/>
    <row r="116" ht="21" customHeight="1" x14ac:dyDescent="0.15"/>
    <row r="117" ht="21" customHeight="1" x14ac:dyDescent="0.15"/>
    <row r="118" ht="21" customHeight="1" x14ac:dyDescent="0.15"/>
    <row r="119" ht="21" customHeight="1" x14ac:dyDescent="0.15"/>
    <row r="120" ht="21" customHeight="1" x14ac:dyDescent="0.15"/>
    <row r="121" ht="21" customHeight="1" x14ac:dyDescent="0.15"/>
    <row r="122" ht="21" customHeight="1" x14ac:dyDescent="0.15"/>
    <row r="123" ht="21" customHeight="1" x14ac:dyDescent="0.15"/>
    <row r="124" ht="21" customHeight="1" x14ac:dyDescent="0.15"/>
    <row r="125" ht="21" customHeight="1" x14ac:dyDescent="0.15"/>
    <row r="126" ht="21" customHeight="1" x14ac:dyDescent="0.15"/>
    <row r="127" ht="21" customHeight="1" x14ac:dyDescent="0.15"/>
    <row r="128" ht="21" customHeight="1" x14ac:dyDescent="0.15"/>
    <row r="129" ht="21" customHeight="1" x14ac:dyDescent="0.15"/>
    <row r="130" ht="21" customHeight="1" x14ac:dyDescent="0.15"/>
    <row r="131" ht="21" customHeight="1" x14ac:dyDescent="0.15"/>
    <row r="132" ht="21" customHeight="1" x14ac:dyDescent="0.15"/>
    <row r="133" ht="21" customHeight="1" x14ac:dyDescent="0.15"/>
    <row r="134" ht="21" customHeight="1" x14ac:dyDescent="0.15"/>
    <row r="135" ht="21" customHeight="1" x14ac:dyDescent="0.15"/>
    <row r="136" ht="21" customHeight="1" x14ac:dyDescent="0.15"/>
  </sheetData>
  <mergeCells count="3">
    <mergeCell ref="B8:C8"/>
    <mergeCell ref="A1:G1"/>
    <mergeCell ref="B23:C23"/>
  </mergeCells>
  <phoneticPr fontId="2"/>
  <pageMargins left="0.55118110236220474" right="0.43307086614173229" top="0.27559055118110237" bottom="0.23622047244094491" header="0.51181102362204722" footer="0.51181102362204722"/>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23"/>
  <sheetViews>
    <sheetView zoomScaleNormal="100" workbookViewId="0">
      <selection activeCell="K6" sqref="K6"/>
    </sheetView>
  </sheetViews>
  <sheetFormatPr defaultColWidth="9" defaultRowHeight="13.5" x14ac:dyDescent="0.15"/>
  <cols>
    <col min="1" max="1" width="4.625" style="25" customWidth="1"/>
    <col min="2" max="2" width="6.25" style="25" customWidth="1"/>
    <col min="3" max="3" width="5" style="25" bestFit="1" customWidth="1"/>
    <col min="4" max="5" width="18.375" style="25" customWidth="1"/>
    <col min="6" max="6" width="13.25" style="25" customWidth="1"/>
    <col min="7" max="7" width="26.25" style="25" customWidth="1"/>
    <col min="8" max="16384" width="9" style="25"/>
  </cols>
  <sheetData>
    <row r="1" spans="1:7" s="19" customFormat="1" ht="26.25" customHeight="1" x14ac:dyDescent="0.15">
      <c r="A1" s="121" t="s">
        <v>52</v>
      </c>
      <c r="B1" s="121"/>
      <c r="C1" s="121"/>
      <c r="D1" s="121"/>
      <c r="E1" s="121"/>
      <c r="F1" s="121"/>
      <c r="G1" s="121"/>
    </row>
    <row r="2" spans="1:7" s="19" customFormat="1" ht="10.5" customHeight="1" x14ac:dyDescent="0.15"/>
    <row r="3" spans="1:7" s="20" customFormat="1" ht="20.100000000000001" customHeight="1" x14ac:dyDescent="0.15">
      <c r="B3" s="21"/>
      <c r="C3" s="21"/>
      <c r="D3" s="21"/>
      <c r="F3" s="22" t="s">
        <v>37</v>
      </c>
      <c r="G3" s="23"/>
    </row>
    <row r="4" spans="1:7" s="20" customFormat="1" ht="10.5" customHeight="1" x14ac:dyDescent="0.15">
      <c r="B4" s="21"/>
      <c r="C4" s="21"/>
      <c r="D4" s="21"/>
      <c r="G4" s="24"/>
    </row>
    <row r="5" spans="1:7" s="20" customFormat="1" ht="20.100000000000001" customHeight="1" x14ac:dyDescent="0.15">
      <c r="F5" s="22" t="s">
        <v>29</v>
      </c>
      <c r="G5" s="23"/>
    </row>
    <row r="6" spans="1:7" x14ac:dyDescent="0.15">
      <c r="E6" s="26"/>
      <c r="G6" s="26"/>
    </row>
    <row r="7" spans="1:7" x14ac:dyDescent="0.15">
      <c r="E7" s="26"/>
      <c r="G7" s="26"/>
    </row>
    <row r="8" spans="1:7" ht="22.5" customHeight="1" x14ac:dyDescent="0.15">
      <c r="B8" s="119" t="s">
        <v>68</v>
      </c>
      <c r="C8" s="120"/>
      <c r="D8" s="27" t="s">
        <v>30</v>
      </c>
      <c r="E8" s="28" t="s">
        <v>31</v>
      </c>
      <c r="F8" s="29" t="s">
        <v>32</v>
      </c>
      <c r="G8" s="28" t="s">
        <v>33</v>
      </c>
    </row>
    <row r="9" spans="1:7" s="20" customFormat="1" ht="22.5" customHeight="1" x14ac:dyDescent="0.15">
      <c r="B9" s="30" t="s">
        <v>69</v>
      </c>
      <c r="C9" s="96" t="s">
        <v>148</v>
      </c>
      <c r="D9" s="31" t="s">
        <v>34</v>
      </c>
      <c r="E9" s="31" t="s">
        <v>34</v>
      </c>
      <c r="F9" s="32"/>
      <c r="G9" s="33"/>
    </row>
    <row r="10" spans="1:7" s="20" customFormat="1" ht="22.5" customHeight="1" x14ac:dyDescent="0.15">
      <c r="B10" s="30" t="s">
        <v>70</v>
      </c>
      <c r="C10" s="96" t="s">
        <v>149</v>
      </c>
      <c r="D10" s="31" t="s">
        <v>34</v>
      </c>
      <c r="E10" s="31" t="s">
        <v>34</v>
      </c>
      <c r="F10" s="32"/>
      <c r="G10" s="33"/>
    </row>
    <row r="11" spans="1:7" s="20" customFormat="1" ht="22.5" customHeight="1" x14ac:dyDescent="0.15">
      <c r="B11" s="30" t="s">
        <v>71</v>
      </c>
      <c r="C11" s="96" t="s">
        <v>21</v>
      </c>
      <c r="D11" s="31" t="s">
        <v>34</v>
      </c>
      <c r="E11" s="31" t="s">
        <v>34</v>
      </c>
      <c r="F11" s="32"/>
      <c r="G11" s="33"/>
    </row>
    <row r="12" spans="1:7" s="20" customFormat="1" ht="22.5" customHeight="1" x14ac:dyDescent="0.15">
      <c r="B12" s="30" t="s">
        <v>72</v>
      </c>
      <c r="C12" s="96" t="s">
        <v>17</v>
      </c>
      <c r="D12" s="31" t="s">
        <v>34</v>
      </c>
      <c r="E12" s="31" t="s">
        <v>34</v>
      </c>
      <c r="F12" s="32"/>
      <c r="G12" s="33"/>
    </row>
    <row r="13" spans="1:7" s="20" customFormat="1" ht="22.5" customHeight="1" x14ac:dyDescent="0.15">
      <c r="B13" s="97" t="s">
        <v>73</v>
      </c>
      <c r="C13" s="98" t="s">
        <v>20</v>
      </c>
      <c r="D13" s="99" t="s">
        <v>34</v>
      </c>
      <c r="E13" s="99" t="s">
        <v>34</v>
      </c>
      <c r="F13" s="100"/>
      <c r="G13" s="107"/>
    </row>
    <row r="14" spans="1:7" s="20" customFormat="1" ht="22.5" customHeight="1" x14ac:dyDescent="0.15">
      <c r="B14" s="97" t="s">
        <v>74</v>
      </c>
      <c r="C14" s="98" t="s">
        <v>15</v>
      </c>
      <c r="D14" s="99" t="s">
        <v>34</v>
      </c>
      <c r="E14" s="99" t="s">
        <v>34</v>
      </c>
      <c r="F14" s="100"/>
      <c r="G14" s="107"/>
    </row>
    <row r="15" spans="1:7" s="20" customFormat="1" ht="22.5" customHeight="1" x14ac:dyDescent="0.15">
      <c r="B15" s="30" t="s">
        <v>75</v>
      </c>
      <c r="C15" s="96" t="s">
        <v>18</v>
      </c>
      <c r="D15" s="31" t="s">
        <v>34</v>
      </c>
      <c r="E15" s="31" t="s">
        <v>34</v>
      </c>
      <c r="F15" s="32"/>
      <c r="G15" s="33"/>
    </row>
    <row r="16" spans="1:7" s="20" customFormat="1" ht="22.5" customHeight="1" x14ac:dyDescent="0.15">
      <c r="B16" s="30" t="s">
        <v>76</v>
      </c>
      <c r="C16" s="96" t="s">
        <v>16</v>
      </c>
      <c r="D16" s="31" t="s">
        <v>34</v>
      </c>
      <c r="E16" s="31" t="s">
        <v>34</v>
      </c>
      <c r="F16" s="34"/>
      <c r="G16" s="35"/>
    </row>
    <row r="17" spans="2:7" s="20" customFormat="1" ht="22.5" customHeight="1" x14ac:dyDescent="0.15">
      <c r="B17" s="30" t="s">
        <v>77</v>
      </c>
      <c r="C17" s="96" t="s">
        <v>19</v>
      </c>
      <c r="D17" s="31" t="s">
        <v>34</v>
      </c>
      <c r="E17" s="31" t="s">
        <v>34</v>
      </c>
      <c r="F17" s="32"/>
      <c r="G17" s="36"/>
    </row>
    <row r="18" spans="2:7" s="20" customFormat="1" ht="22.5" customHeight="1" x14ac:dyDescent="0.15">
      <c r="B18" s="30" t="s">
        <v>78</v>
      </c>
      <c r="C18" s="96" t="s">
        <v>21</v>
      </c>
      <c r="D18" s="31" t="s">
        <v>34</v>
      </c>
      <c r="E18" s="31" t="s">
        <v>34</v>
      </c>
      <c r="F18" s="32"/>
      <c r="G18" s="33"/>
    </row>
    <row r="19" spans="2:7" s="20" customFormat="1" ht="22.5" customHeight="1" x14ac:dyDescent="0.15">
      <c r="B19" s="30" t="s">
        <v>79</v>
      </c>
      <c r="C19" s="96" t="s">
        <v>17</v>
      </c>
      <c r="D19" s="31" t="s">
        <v>34</v>
      </c>
      <c r="E19" s="31" t="s">
        <v>34</v>
      </c>
      <c r="F19" s="32"/>
      <c r="G19" s="33"/>
    </row>
    <row r="20" spans="2:7" s="20" customFormat="1" ht="22.5" customHeight="1" x14ac:dyDescent="0.15">
      <c r="B20" s="97" t="s">
        <v>80</v>
      </c>
      <c r="C20" s="98" t="s">
        <v>20</v>
      </c>
      <c r="D20" s="99" t="s">
        <v>34</v>
      </c>
      <c r="E20" s="99" t="s">
        <v>34</v>
      </c>
      <c r="F20" s="100"/>
      <c r="G20" s="107"/>
    </row>
    <row r="21" spans="2:7" s="20" customFormat="1" ht="22.5" customHeight="1" x14ac:dyDescent="0.15">
      <c r="B21" s="97" t="s">
        <v>81</v>
      </c>
      <c r="C21" s="98" t="s">
        <v>15</v>
      </c>
      <c r="D21" s="99" t="s">
        <v>34</v>
      </c>
      <c r="E21" s="99" t="s">
        <v>34</v>
      </c>
      <c r="F21" s="100"/>
      <c r="G21" s="107"/>
    </row>
    <row r="22" spans="2:7" s="20" customFormat="1" ht="22.5" customHeight="1" x14ac:dyDescent="0.15">
      <c r="B22" s="30" t="s">
        <v>82</v>
      </c>
      <c r="C22" s="96" t="s">
        <v>18</v>
      </c>
      <c r="D22" s="31" t="s">
        <v>34</v>
      </c>
      <c r="E22" s="31" t="s">
        <v>34</v>
      </c>
      <c r="F22" s="32"/>
      <c r="G22" s="33"/>
    </row>
    <row r="23" spans="2:7" s="20" customFormat="1" ht="22.5" customHeight="1" x14ac:dyDescent="0.15">
      <c r="B23" s="30" t="s">
        <v>83</v>
      </c>
      <c r="C23" s="96" t="s">
        <v>16</v>
      </c>
      <c r="D23" s="31" t="s">
        <v>34</v>
      </c>
      <c r="E23" s="31" t="s">
        <v>34</v>
      </c>
      <c r="F23" s="34"/>
      <c r="G23" s="35"/>
    </row>
    <row r="24" spans="2:7" s="20" customFormat="1" ht="22.5" customHeight="1" x14ac:dyDescent="0.15">
      <c r="B24" s="30" t="s">
        <v>84</v>
      </c>
      <c r="C24" s="96" t="s">
        <v>19</v>
      </c>
      <c r="D24" s="31" t="s">
        <v>34</v>
      </c>
      <c r="E24" s="31" t="s">
        <v>34</v>
      </c>
      <c r="F24" s="32"/>
      <c r="G24" s="33"/>
    </row>
    <row r="25" spans="2:7" s="20" customFormat="1" ht="22.5" customHeight="1" x14ac:dyDescent="0.15">
      <c r="B25" s="30" t="s">
        <v>85</v>
      </c>
      <c r="C25" s="96" t="s">
        <v>21</v>
      </c>
      <c r="D25" s="31" t="s">
        <v>34</v>
      </c>
      <c r="E25" s="31" t="s">
        <v>34</v>
      </c>
      <c r="F25" s="32"/>
      <c r="G25" s="33"/>
    </row>
    <row r="26" spans="2:7" s="20" customFormat="1" ht="22.5" customHeight="1" x14ac:dyDescent="0.15">
      <c r="B26" s="30" t="s">
        <v>54</v>
      </c>
      <c r="C26" s="96" t="s">
        <v>17</v>
      </c>
      <c r="D26" s="31" t="s">
        <v>34</v>
      </c>
      <c r="E26" s="31" t="s">
        <v>34</v>
      </c>
      <c r="F26" s="32"/>
      <c r="G26" s="33"/>
    </row>
    <row r="27" spans="2:7" s="20" customFormat="1" ht="22.5" customHeight="1" x14ac:dyDescent="0.15">
      <c r="B27" s="97" t="s">
        <v>55</v>
      </c>
      <c r="C27" s="98" t="s">
        <v>20</v>
      </c>
      <c r="D27" s="99" t="s">
        <v>34</v>
      </c>
      <c r="E27" s="99" t="s">
        <v>34</v>
      </c>
      <c r="F27" s="100"/>
      <c r="G27" s="107"/>
    </row>
    <row r="28" spans="2:7" s="20" customFormat="1" ht="22.5" customHeight="1" x14ac:dyDescent="0.15">
      <c r="B28" s="97" t="s">
        <v>56</v>
      </c>
      <c r="C28" s="98" t="s">
        <v>15</v>
      </c>
      <c r="D28" s="99" t="s">
        <v>34</v>
      </c>
      <c r="E28" s="99" t="s">
        <v>34</v>
      </c>
      <c r="F28" s="100"/>
      <c r="G28" s="107"/>
    </row>
    <row r="29" spans="2:7" s="20" customFormat="1" ht="22.5" customHeight="1" x14ac:dyDescent="0.15">
      <c r="B29" s="97" t="s">
        <v>57</v>
      </c>
      <c r="C29" s="98" t="s">
        <v>18</v>
      </c>
      <c r="D29" s="99" t="s">
        <v>34</v>
      </c>
      <c r="E29" s="99" t="s">
        <v>34</v>
      </c>
      <c r="F29" s="100"/>
      <c r="G29" s="107"/>
    </row>
    <row r="30" spans="2:7" s="20" customFormat="1" ht="22.5" customHeight="1" x14ac:dyDescent="0.15">
      <c r="B30" s="97" t="s">
        <v>58</v>
      </c>
      <c r="C30" s="98" t="s">
        <v>16</v>
      </c>
      <c r="D30" s="99" t="s">
        <v>34</v>
      </c>
      <c r="E30" s="99" t="s">
        <v>34</v>
      </c>
      <c r="F30" s="108"/>
      <c r="G30" s="109"/>
    </row>
    <row r="31" spans="2:7" s="20" customFormat="1" ht="22.5" customHeight="1" x14ac:dyDescent="0.15">
      <c r="B31" s="30" t="s">
        <v>59</v>
      </c>
      <c r="C31" s="96" t="s">
        <v>19</v>
      </c>
      <c r="D31" s="31" t="s">
        <v>34</v>
      </c>
      <c r="E31" s="31" t="s">
        <v>34</v>
      </c>
      <c r="F31" s="32"/>
      <c r="G31" s="33"/>
    </row>
    <row r="32" spans="2:7" s="20" customFormat="1" ht="22.5" customHeight="1" x14ac:dyDescent="0.15">
      <c r="B32" s="30" t="s">
        <v>60</v>
      </c>
      <c r="C32" s="96" t="s">
        <v>21</v>
      </c>
      <c r="D32" s="31" t="s">
        <v>34</v>
      </c>
      <c r="E32" s="31" t="s">
        <v>34</v>
      </c>
      <c r="F32" s="32"/>
      <c r="G32" s="33"/>
    </row>
    <row r="33" spans="2:7" s="20" customFormat="1" ht="22.5" customHeight="1" x14ac:dyDescent="0.15">
      <c r="B33" s="30" t="s">
        <v>61</v>
      </c>
      <c r="C33" s="96" t="s">
        <v>17</v>
      </c>
      <c r="D33" s="31" t="s">
        <v>34</v>
      </c>
      <c r="E33" s="31" t="s">
        <v>34</v>
      </c>
      <c r="F33" s="32"/>
      <c r="G33" s="33"/>
    </row>
    <row r="34" spans="2:7" s="20" customFormat="1" ht="22.5" customHeight="1" x14ac:dyDescent="0.15">
      <c r="B34" s="97" t="s">
        <v>62</v>
      </c>
      <c r="C34" s="98" t="s">
        <v>20</v>
      </c>
      <c r="D34" s="99" t="s">
        <v>34</v>
      </c>
      <c r="E34" s="99" t="s">
        <v>34</v>
      </c>
      <c r="F34" s="100"/>
      <c r="G34" s="107"/>
    </row>
    <row r="35" spans="2:7" ht="22.5" customHeight="1" x14ac:dyDescent="0.15">
      <c r="B35" s="97" t="s">
        <v>63</v>
      </c>
      <c r="C35" s="98" t="s">
        <v>15</v>
      </c>
      <c r="D35" s="99" t="s">
        <v>34</v>
      </c>
      <c r="E35" s="99" t="s">
        <v>34</v>
      </c>
      <c r="F35" s="100"/>
      <c r="G35" s="107"/>
    </row>
    <row r="36" spans="2:7" ht="22.5" customHeight="1" x14ac:dyDescent="0.15">
      <c r="B36" s="30" t="s">
        <v>64</v>
      </c>
      <c r="C36" s="96" t="s">
        <v>18</v>
      </c>
      <c r="D36" s="31" t="s">
        <v>34</v>
      </c>
      <c r="E36" s="31" t="s">
        <v>34</v>
      </c>
      <c r="F36" s="32"/>
      <c r="G36" s="33"/>
    </row>
    <row r="37" spans="2:7" ht="22.5" customHeight="1" x14ac:dyDescent="0.15">
      <c r="B37" s="30" t="s">
        <v>65</v>
      </c>
      <c r="C37" s="96" t="s">
        <v>16</v>
      </c>
      <c r="D37" s="31" t="s">
        <v>34</v>
      </c>
      <c r="E37" s="31" t="s">
        <v>34</v>
      </c>
      <c r="F37" s="32"/>
      <c r="G37" s="33"/>
    </row>
    <row r="38" spans="2:7" ht="22.5" customHeight="1" x14ac:dyDescent="0.15">
      <c r="B38" s="30" t="s">
        <v>66</v>
      </c>
      <c r="C38" s="96" t="s">
        <v>19</v>
      </c>
      <c r="D38" s="31" t="s">
        <v>34</v>
      </c>
      <c r="E38" s="31" t="s">
        <v>34</v>
      </c>
      <c r="F38" s="32"/>
      <c r="G38" s="33"/>
    </row>
    <row r="39" spans="2:7" ht="22.5" customHeight="1" x14ac:dyDescent="0.15">
      <c r="B39" s="30" t="s">
        <v>67</v>
      </c>
      <c r="C39" s="96" t="s">
        <v>21</v>
      </c>
      <c r="D39" s="31" t="s">
        <v>34</v>
      </c>
      <c r="E39" s="31" t="s">
        <v>34</v>
      </c>
      <c r="F39" s="32"/>
      <c r="G39" s="33"/>
    </row>
    <row r="40" spans="2:7" ht="21" customHeight="1" x14ac:dyDescent="0.15"/>
    <row r="41" spans="2:7" ht="21" customHeight="1" x14ac:dyDescent="0.15">
      <c r="C41" s="37" t="s">
        <v>35</v>
      </c>
    </row>
    <row r="42" spans="2:7" ht="21" customHeight="1" x14ac:dyDescent="0.15">
      <c r="C42" s="37" t="s">
        <v>36</v>
      </c>
    </row>
    <row r="43" spans="2:7" ht="21" customHeight="1" x14ac:dyDescent="0.15"/>
    <row r="44" spans="2:7" ht="21" customHeight="1" x14ac:dyDescent="0.15"/>
    <row r="45" spans="2:7" ht="21" customHeight="1" x14ac:dyDescent="0.15"/>
    <row r="46" spans="2:7" ht="21" customHeight="1" x14ac:dyDescent="0.15"/>
    <row r="47" spans="2:7" ht="21" customHeight="1" x14ac:dyDescent="0.15"/>
    <row r="48" spans="2:7" ht="21" customHeight="1" x14ac:dyDescent="0.15"/>
    <row r="49" ht="21" customHeight="1" x14ac:dyDescent="0.15"/>
    <row r="50" ht="21" customHeight="1" x14ac:dyDescent="0.15"/>
    <row r="51" ht="21" customHeight="1" x14ac:dyDescent="0.15"/>
    <row r="52" ht="21" customHeight="1" x14ac:dyDescent="0.15"/>
    <row r="53" ht="21" customHeight="1" x14ac:dyDescent="0.15"/>
    <row r="54" ht="21" customHeight="1" x14ac:dyDescent="0.15"/>
    <row r="55" ht="21" customHeight="1" x14ac:dyDescent="0.15"/>
    <row r="56" ht="21" customHeight="1" x14ac:dyDescent="0.15"/>
    <row r="57" ht="21" customHeight="1" x14ac:dyDescent="0.15"/>
    <row r="58" ht="21" customHeight="1" x14ac:dyDescent="0.15"/>
    <row r="59" ht="21" customHeight="1" x14ac:dyDescent="0.15"/>
    <row r="60" ht="21" customHeight="1" x14ac:dyDescent="0.15"/>
    <row r="61" ht="21" customHeight="1" x14ac:dyDescent="0.15"/>
    <row r="62" ht="21" customHeight="1" x14ac:dyDescent="0.15"/>
    <row r="63" ht="21" customHeight="1" x14ac:dyDescent="0.15"/>
    <row r="64" ht="21" customHeight="1" x14ac:dyDescent="0.15"/>
    <row r="65" ht="21" customHeight="1" x14ac:dyDescent="0.15"/>
    <row r="66" ht="21" customHeight="1" x14ac:dyDescent="0.15"/>
    <row r="67" ht="21" customHeight="1" x14ac:dyDescent="0.15"/>
    <row r="68" ht="21" customHeight="1" x14ac:dyDescent="0.15"/>
    <row r="69" ht="21" customHeight="1" x14ac:dyDescent="0.15"/>
    <row r="70" ht="21" customHeight="1" x14ac:dyDescent="0.15"/>
    <row r="71" ht="21" customHeight="1" x14ac:dyDescent="0.15"/>
    <row r="72" ht="21" customHeight="1" x14ac:dyDescent="0.15"/>
    <row r="73" ht="21" customHeight="1" x14ac:dyDescent="0.15"/>
    <row r="74" ht="21" customHeight="1" x14ac:dyDescent="0.15"/>
    <row r="75" ht="21" customHeight="1" x14ac:dyDescent="0.15"/>
    <row r="76" ht="21" customHeight="1" x14ac:dyDescent="0.15"/>
    <row r="77" ht="21" customHeight="1" x14ac:dyDescent="0.15"/>
    <row r="78" ht="21" customHeight="1" x14ac:dyDescent="0.15"/>
    <row r="79" ht="21" customHeight="1" x14ac:dyDescent="0.15"/>
    <row r="80" ht="21" customHeight="1" x14ac:dyDescent="0.15"/>
    <row r="81" ht="21" customHeight="1" x14ac:dyDescent="0.15"/>
    <row r="82" ht="21" customHeight="1" x14ac:dyDescent="0.15"/>
    <row r="83" ht="21" customHeight="1" x14ac:dyDescent="0.15"/>
    <row r="84" ht="21" customHeight="1" x14ac:dyDescent="0.15"/>
    <row r="85" ht="21" customHeight="1" x14ac:dyDescent="0.15"/>
    <row r="86" ht="21" customHeight="1" x14ac:dyDescent="0.15"/>
    <row r="87" ht="21" customHeight="1" x14ac:dyDescent="0.15"/>
    <row r="88" ht="21" customHeight="1" x14ac:dyDescent="0.15"/>
    <row r="89" ht="21" customHeight="1" x14ac:dyDescent="0.15"/>
    <row r="90" ht="21" customHeight="1" x14ac:dyDescent="0.15"/>
    <row r="91" ht="21" customHeight="1" x14ac:dyDescent="0.15"/>
    <row r="92" ht="21" customHeight="1" x14ac:dyDescent="0.15"/>
    <row r="93" ht="21" customHeight="1" x14ac:dyDescent="0.15"/>
    <row r="94" ht="21" customHeight="1" x14ac:dyDescent="0.15"/>
    <row r="95" ht="21" customHeight="1" x14ac:dyDescent="0.15"/>
    <row r="96" ht="21" customHeight="1" x14ac:dyDescent="0.15"/>
    <row r="97" ht="21" customHeight="1" x14ac:dyDescent="0.15"/>
    <row r="98" ht="21" customHeight="1" x14ac:dyDescent="0.15"/>
    <row r="99" ht="21" customHeight="1" x14ac:dyDescent="0.15"/>
    <row r="100" ht="21" customHeight="1" x14ac:dyDescent="0.15"/>
    <row r="101" ht="21" customHeight="1" x14ac:dyDescent="0.15"/>
    <row r="102" ht="21" customHeight="1" x14ac:dyDescent="0.15"/>
    <row r="103" ht="21" customHeight="1" x14ac:dyDescent="0.15"/>
    <row r="104" ht="21" customHeight="1" x14ac:dyDescent="0.15"/>
    <row r="105" ht="21" customHeight="1" x14ac:dyDescent="0.15"/>
    <row r="106" ht="21" customHeight="1" x14ac:dyDescent="0.15"/>
    <row r="107" ht="21" customHeight="1" x14ac:dyDescent="0.15"/>
    <row r="108" ht="21" customHeight="1" x14ac:dyDescent="0.15"/>
    <row r="109" ht="21" customHeight="1" x14ac:dyDescent="0.15"/>
    <row r="110" ht="21" customHeight="1" x14ac:dyDescent="0.15"/>
    <row r="111" ht="21" customHeight="1" x14ac:dyDescent="0.15"/>
    <row r="112" ht="21" customHeight="1" x14ac:dyDescent="0.15"/>
    <row r="113" ht="21" customHeight="1" x14ac:dyDescent="0.15"/>
    <row r="114" ht="21" customHeight="1" x14ac:dyDescent="0.15"/>
    <row r="115" ht="21" customHeight="1" x14ac:dyDescent="0.15"/>
    <row r="116" ht="21" customHeight="1" x14ac:dyDescent="0.15"/>
    <row r="117" ht="21" customHeight="1" x14ac:dyDescent="0.15"/>
    <row r="118" ht="21" customHeight="1" x14ac:dyDescent="0.15"/>
    <row r="119" ht="21" customHeight="1" x14ac:dyDescent="0.15"/>
    <row r="120" ht="21" customHeight="1" x14ac:dyDescent="0.15"/>
    <row r="121" ht="21" customHeight="1" x14ac:dyDescent="0.15"/>
    <row r="122" ht="21" customHeight="1" x14ac:dyDescent="0.15"/>
    <row r="123" ht="21" customHeight="1" x14ac:dyDescent="0.15"/>
  </sheetData>
  <mergeCells count="2">
    <mergeCell ref="A1:G1"/>
    <mergeCell ref="B8:C8"/>
  </mergeCells>
  <phoneticPr fontId="2"/>
  <pageMargins left="0.55118110236220474" right="0.43307086614173229" top="0.27559055118110237" bottom="0.23622047244094491" header="0.51181102362204722" footer="0.51181102362204722"/>
  <pageSetup paperSize="9"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123"/>
  <sheetViews>
    <sheetView zoomScaleNormal="100" workbookViewId="0">
      <selection activeCell="H4" sqref="H4"/>
    </sheetView>
  </sheetViews>
  <sheetFormatPr defaultColWidth="9" defaultRowHeight="13.5" x14ac:dyDescent="0.15"/>
  <cols>
    <col min="1" max="1" width="4.625" style="25" customWidth="1"/>
    <col min="2" max="2" width="6.25" style="25" customWidth="1"/>
    <col min="3" max="3" width="5" style="25" bestFit="1" customWidth="1"/>
    <col min="4" max="5" width="18.375" style="25" customWidth="1"/>
    <col min="6" max="6" width="13.25" style="25" customWidth="1"/>
    <col min="7" max="7" width="26.25" style="25" customWidth="1"/>
    <col min="8" max="16384" width="9" style="25"/>
  </cols>
  <sheetData>
    <row r="1" spans="1:7" s="19" customFormat="1" ht="26.25" customHeight="1" x14ac:dyDescent="0.15">
      <c r="A1" s="121" t="s">
        <v>52</v>
      </c>
      <c r="B1" s="121"/>
      <c r="C1" s="121"/>
      <c r="D1" s="121"/>
      <c r="E1" s="121"/>
      <c r="F1" s="121"/>
      <c r="G1" s="121"/>
    </row>
    <row r="2" spans="1:7" s="19" customFormat="1" ht="10.5" customHeight="1" x14ac:dyDescent="0.15"/>
    <row r="3" spans="1:7" s="20" customFormat="1" ht="20.100000000000001" customHeight="1" x14ac:dyDescent="0.15">
      <c r="B3" s="21"/>
      <c r="C3" s="21"/>
      <c r="D3" s="21"/>
      <c r="F3" s="22" t="s">
        <v>37</v>
      </c>
      <c r="G3" s="23"/>
    </row>
    <row r="4" spans="1:7" s="20" customFormat="1" ht="10.5" customHeight="1" x14ac:dyDescent="0.15">
      <c r="B4" s="21"/>
      <c r="C4" s="21"/>
      <c r="D4" s="21"/>
      <c r="G4" s="24"/>
    </row>
    <row r="5" spans="1:7" s="20" customFormat="1" ht="20.100000000000001" customHeight="1" x14ac:dyDescent="0.15">
      <c r="F5" s="22" t="s">
        <v>29</v>
      </c>
      <c r="G5" s="23"/>
    </row>
    <row r="6" spans="1:7" x14ac:dyDescent="0.15">
      <c r="E6" s="26"/>
      <c r="G6" s="26"/>
    </row>
    <row r="7" spans="1:7" x14ac:dyDescent="0.15">
      <c r="E7" s="26"/>
      <c r="G7" s="26"/>
    </row>
    <row r="8" spans="1:7" ht="22.5" customHeight="1" x14ac:dyDescent="0.15">
      <c r="B8" s="119" t="s">
        <v>86</v>
      </c>
      <c r="C8" s="120"/>
      <c r="D8" s="27" t="s">
        <v>30</v>
      </c>
      <c r="E8" s="28" t="s">
        <v>31</v>
      </c>
      <c r="F8" s="29" t="s">
        <v>32</v>
      </c>
      <c r="G8" s="28" t="s">
        <v>33</v>
      </c>
    </row>
    <row r="9" spans="1:7" s="20" customFormat="1" ht="22.5" customHeight="1" x14ac:dyDescent="0.15">
      <c r="B9" s="30" t="s">
        <v>69</v>
      </c>
      <c r="C9" s="96" t="s">
        <v>150</v>
      </c>
      <c r="D9" s="31" t="s">
        <v>34</v>
      </c>
      <c r="E9" s="31" t="s">
        <v>34</v>
      </c>
      <c r="F9" s="32"/>
      <c r="G9" s="33"/>
    </row>
    <row r="10" spans="1:7" s="20" customFormat="1" ht="22.5" customHeight="1" x14ac:dyDescent="0.15">
      <c r="B10" s="30" t="s">
        <v>70</v>
      </c>
      <c r="C10" s="96" t="s">
        <v>151</v>
      </c>
      <c r="D10" s="31" t="s">
        <v>34</v>
      </c>
      <c r="E10" s="31" t="s">
        <v>34</v>
      </c>
      <c r="F10" s="32"/>
      <c r="G10" s="33"/>
    </row>
    <row r="11" spans="1:7" s="20" customFormat="1" ht="22.5" customHeight="1" x14ac:dyDescent="0.15">
      <c r="B11" s="97" t="s">
        <v>71</v>
      </c>
      <c r="C11" s="98" t="s">
        <v>20</v>
      </c>
      <c r="D11" s="99" t="s">
        <v>34</v>
      </c>
      <c r="E11" s="99" t="s">
        <v>34</v>
      </c>
      <c r="F11" s="100"/>
      <c r="G11" s="107"/>
    </row>
    <row r="12" spans="1:7" s="20" customFormat="1" ht="22.5" customHeight="1" x14ac:dyDescent="0.15">
      <c r="B12" s="97" t="s">
        <v>72</v>
      </c>
      <c r="C12" s="98" t="s">
        <v>15</v>
      </c>
      <c r="D12" s="99" t="s">
        <v>34</v>
      </c>
      <c r="E12" s="99" t="s">
        <v>34</v>
      </c>
      <c r="F12" s="100"/>
      <c r="G12" s="107"/>
    </row>
    <row r="13" spans="1:7" s="20" customFormat="1" ht="22.5" customHeight="1" x14ac:dyDescent="0.15">
      <c r="B13" s="30" t="s">
        <v>73</v>
      </c>
      <c r="C13" s="96" t="s">
        <v>18</v>
      </c>
      <c r="D13" s="31" t="s">
        <v>34</v>
      </c>
      <c r="E13" s="31" t="s">
        <v>34</v>
      </c>
      <c r="F13" s="32"/>
      <c r="G13" s="33"/>
    </row>
    <row r="14" spans="1:7" s="20" customFormat="1" ht="22.5" customHeight="1" x14ac:dyDescent="0.15">
      <c r="B14" s="30" t="s">
        <v>74</v>
      </c>
      <c r="C14" s="96" t="s">
        <v>16</v>
      </c>
      <c r="D14" s="31" t="s">
        <v>34</v>
      </c>
      <c r="E14" s="31" t="s">
        <v>34</v>
      </c>
      <c r="F14" s="32"/>
      <c r="G14" s="33"/>
    </row>
    <row r="15" spans="1:7" s="20" customFormat="1" ht="22.5" customHeight="1" x14ac:dyDescent="0.15">
      <c r="B15" s="30" t="s">
        <v>75</v>
      </c>
      <c r="C15" s="96" t="s">
        <v>19</v>
      </c>
      <c r="D15" s="31" t="s">
        <v>34</v>
      </c>
      <c r="E15" s="31" t="s">
        <v>34</v>
      </c>
      <c r="F15" s="32"/>
      <c r="G15" s="33"/>
    </row>
    <row r="16" spans="1:7" s="20" customFormat="1" ht="22.5" customHeight="1" x14ac:dyDescent="0.15">
      <c r="B16" s="30" t="s">
        <v>76</v>
      </c>
      <c r="C16" s="96" t="s">
        <v>21</v>
      </c>
      <c r="D16" s="31" t="s">
        <v>34</v>
      </c>
      <c r="E16" s="31" t="s">
        <v>34</v>
      </c>
      <c r="F16" s="34"/>
      <c r="G16" s="35"/>
    </row>
    <row r="17" spans="2:7" s="20" customFormat="1" ht="22.5" customHeight="1" x14ac:dyDescent="0.15">
      <c r="B17" s="30" t="s">
        <v>77</v>
      </c>
      <c r="C17" s="96" t="s">
        <v>17</v>
      </c>
      <c r="D17" s="31" t="s">
        <v>34</v>
      </c>
      <c r="E17" s="31" t="s">
        <v>34</v>
      </c>
      <c r="F17" s="32"/>
      <c r="G17" s="36"/>
    </row>
    <row r="18" spans="2:7" s="20" customFormat="1" ht="22.5" customHeight="1" x14ac:dyDescent="0.15">
      <c r="B18" s="97" t="s">
        <v>78</v>
      </c>
      <c r="C18" s="98" t="s">
        <v>20</v>
      </c>
      <c r="D18" s="99" t="s">
        <v>34</v>
      </c>
      <c r="E18" s="99" t="s">
        <v>34</v>
      </c>
      <c r="F18" s="100"/>
      <c r="G18" s="107"/>
    </row>
    <row r="19" spans="2:7" s="20" customFormat="1" ht="22.5" customHeight="1" x14ac:dyDescent="0.15">
      <c r="B19" s="97" t="s">
        <v>79</v>
      </c>
      <c r="C19" s="98" t="s">
        <v>15</v>
      </c>
      <c r="D19" s="99" t="s">
        <v>34</v>
      </c>
      <c r="E19" s="99" t="s">
        <v>34</v>
      </c>
      <c r="F19" s="100"/>
      <c r="G19" s="107"/>
    </row>
    <row r="20" spans="2:7" s="20" customFormat="1" ht="22.5" customHeight="1" x14ac:dyDescent="0.15">
      <c r="B20" s="30" t="s">
        <v>80</v>
      </c>
      <c r="C20" s="96" t="s">
        <v>18</v>
      </c>
      <c r="D20" s="31" t="s">
        <v>34</v>
      </c>
      <c r="E20" s="31" t="s">
        <v>34</v>
      </c>
      <c r="F20" s="32"/>
      <c r="G20" s="33"/>
    </row>
    <row r="21" spans="2:7" s="20" customFormat="1" ht="22.5" customHeight="1" x14ac:dyDescent="0.15">
      <c r="B21" s="30" t="s">
        <v>81</v>
      </c>
      <c r="C21" s="96" t="s">
        <v>16</v>
      </c>
      <c r="D21" s="31" t="s">
        <v>34</v>
      </c>
      <c r="E21" s="31" t="s">
        <v>34</v>
      </c>
      <c r="F21" s="32"/>
      <c r="G21" s="33"/>
    </row>
    <row r="22" spans="2:7" s="20" customFormat="1" ht="22.5" customHeight="1" x14ac:dyDescent="0.15">
      <c r="B22" s="30" t="s">
        <v>82</v>
      </c>
      <c r="C22" s="96" t="s">
        <v>19</v>
      </c>
      <c r="D22" s="31" t="s">
        <v>34</v>
      </c>
      <c r="E22" s="31" t="s">
        <v>34</v>
      </c>
      <c r="F22" s="32"/>
      <c r="G22" s="33"/>
    </row>
    <row r="23" spans="2:7" s="20" customFormat="1" ht="22.5" customHeight="1" x14ac:dyDescent="0.15">
      <c r="B23" s="30" t="s">
        <v>83</v>
      </c>
      <c r="C23" s="96" t="s">
        <v>21</v>
      </c>
      <c r="D23" s="31" t="s">
        <v>34</v>
      </c>
      <c r="E23" s="31" t="s">
        <v>34</v>
      </c>
      <c r="F23" s="34"/>
      <c r="G23" s="35"/>
    </row>
    <row r="24" spans="2:7" s="20" customFormat="1" ht="22.5" customHeight="1" x14ac:dyDescent="0.15">
      <c r="B24" s="30" t="s">
        <v>84</v>
      </c>
      <c r="C24" s="96" t="s">
        <v>17</v>
      </c>
      <c r="D24" s="31" t="s">
        <v>34</v>
      </c>
      <c r="E24" s="31" t="s">
        <v>34</v>
      </c>
      <c r="F24" s="32"/>
      <c r="G24" s="33"/>
    </row>
    <row r="25" spans="2:7" s="20" customFormat="1" ht="22.5" customHeight="1" x14ac:dyDescent="0.15">
      <c r="B25" s="97" t="s">
        <v>85</v>
      </c>
      <c r="C25" s="98" t="s">
        <v>20</v>
      </c>
      <c r="D25" s="99" t="s">
        <v>34</v>
      </c>
      <c r="E25" s="99" t="s">
        <v>34</v>
      </c>
      <c r="F25" s="100"/>
      <c r="G25" s="107"/>
    </row>
    <row r="26" spans="2:7" s="20" customFormat="1" ht="22.5" customHeight="1" x14ac:dyDescent="0.15">
      <c r="B26" s="97" t="s">
        <v>54</v>
      </c>
      <c r="C26" s="98" t="s">
        <v>15</v>
      </c>
      <c r="D26" s="99" t="s">
        <v>34</v>
      </c>
      <c r="E26" s="99" t="s">
        <v>34</v>
      </c>
      <c r="F26" s="100"/>
      <c r="G26" s="107"/>
    </row>
    <row r="27" spans="2:7" s="20" customFormat="1" ht="22.5" customHeight="1" x14ac:dyDescent="0.15">
      <c r="B27" s="30" t="s">
        <v>55</v>
      </c>
      <c r="C27" s="96" t="s">
        <v>18</v>
      </c>
      <c r="D27" s="31" t="s">
        <v>34</v>
      </c>
      <c r="E27" s="31" t="s">
        <v>34</v>
      </c>
      <c r="F27" s="32"/>
      <c r="G27" s="33"/>
    </row>
    <row r="28" spans="2:7" s="20" customFormat="1" ht="22.5" customHeight="1" x14ac:dyDescent="0.15">
      <c r="B28" s="30" t="s">
        <v>56</v>
      </c>
      <c r="C28" s="96" t="s">
        <v>16</v>
      </c>
      <c r="D28" s="31" t="s">
        <v>34</v>
      </c>
      <c r="E28" s="31" t="s">
        <v>34</v>
      </c>
      <c r="F28" s="32"/>
      <c r="G28" s="33"/>
    </row>
    <row r="29" spans="2:7" s="20" customFormat="1" ht="22.5" customHeight="1" x14ac:dyDescent="0.15">
      <c r="B29" s="110" t="s">
        <v>57</v>
      </c>
      <c r="C29" s="111" t="s">
        <v>19</v>
      </c>
      <c r="D29" s="112" t="s">
        <v>34</v>
      </c>
      <c r="E29" s="112" t="s">
        <v>34</v>
      </c>
      <c r="F29" s="113"/>
      <c r="G29" s="114" t="s">
        <v>152</v>
      </c>
    </row>
    <row r="30" spans="2:7" s="20" customFormat="1" ht="22.5" customHeight="1" x14ac:dyDescent="0.15">
      <c r="B30" s="110" t="s">
        <v>58</v>
      </c>
      <c r="C30" s="111" t="s">
        <v>21</v>
      </c>
      <c r="D30" s="112" t="s">
        <v>34</v>
      </c>
      <c r="E30" s="112" t="s">
        <v>34</v>
      </c>
      <c r="F30" s="115"/>
      <c r="G30" s="114" t="s">
        <v>152</v>
      </c>
    </row>
    <row r="31" spans="2:7" s="20" customFormat="1" ht="22.5" customHeight="1" x14ac:dyDescent="0.15">
      <c r="B31" s="110" t="s">
        <v>59</v>
      </c>
      <c r="C31" s="111" t="s">
        <v>17</v>
      </c>
      <c r="D31" s="112" t="s">
        <v>34</v>
      </c>
      <c r="E31" s="112" t="s">
        <v>34</v>
      </c>
      <c r="F31" s="113"/>
      <c r="G31" s="114" t="s">
        <v>153</v>
      </c>
    </row>
    <row r="32" spans="2:7" s="20" customFormat="1" ht="22.5" customHeight="1" x14ac:dyDescent="0.15">
      <c r="B32" s="97" t="s">
        <v>60</v>
      </c>
      <c r="C32" s="98" t="s">
        <v>20</v>
      </c>
      <c r="D32" s="99" t="s">
        <v>34</v>
      </c>
      <c r="E32" s="99" t="s">
        <v>34</v>
      </c>
      <c r="F32" s="100"/>
      <c r="G32" s="107"/>
    </row>
    <row r="33" spans="2:7" s="20" customFormat="1" ht="22.5" customHeight="1" x14ac:dyDescent="0.15">
      <c r="B33" s="97" t="s">
        <v>61</v>
      </c>
      <c r="C33" s="98" t="s">
        <v>15</v>
      </c>
      <c r="D33" s="99" t="s">
        <v>34</v>
      </c>
      <c r="E33" s="99" t="s">
        <v>34</v>
      </c>
      <c r="F33" s="100"/>
      <c r="G33" s="107"/>
    </row>
    <row r="34" spans="2:7" s="20" customFormat="1" ht="22.5" customHeight="1" x14ac:dyDescent="0.15">
      <c r="B34" s="30" t="s">
        <v>62</v>
      </c>
      <c r="C34" s="96" t="s">
        <v>18</v>
      </c>
      <c r="D34" s="31" t="s">
        <v>34</v>
      </c>
      <c r="E34" s="31" t="s">
        <v>34</v>
      </c>
      <c r="F34" s="32"/>
      <c r="G34" s="33"/>
    </row>
    <row r="35" spans="2:7" ht="22.5" customHeight="1" x14ac:dyDescent="0.15">
      <c r="B35" s="30" t="s">
        <v>63</v>
      </c>
      <c r="C35" s="96" t="s">
        <v>16</v>
      </c>
      <c r="D35" s="31" t="s">
        <v>34</v>
      </c>
      <c r="E35" s="31" t="s">
        <v>34</v>
      </c>
      <c r="F35" s="32"/>
      <c r="G35" s="33"/>
    </row>
    <row r="36" spans="2:7" ht="22.5" customHeight="1" x14ac:dyDescent="0.15">
      <c r="B36" s="30" t="s">
        <v>64</v>
      </c>
      <c r="C36" s="96" t="s">
        <v>19</v>
      </c>
      <c r="D36" s="31" t="s">
        <v>34</v>
      </c>
      <c r="E36" s="31" t="s">
        <v>34</v>
      </c>
      <c r="F36" s="32"/>
      <c r="G36" s="33"/>
    </row>
    <row r="37" spans="2:7" ht="22.5" customHeight="1" x14ac:dyDescent="0.15">
      <c r="B37" s="30" t="s">
        <v>65</v>
      </c>
      <c r="C37" s="96" t="s">
        <v>21</v>
      </c>
      <c r="D37" s="31" t="s">
        <v>34</v>
      </c>
      <c r="E37" s="31" t="s">
        <v>34</v>
      </c>
      <c r="F37" s="32"/>
      <c r="G37" s="33"/>
    </row>
    <row r="38" spans="2:7" ht="22.5" customHeight="1" x14ac:dyDescent="0.15">
      <c r="B38" s="30" t="s">
        <v>66</v>
      </c>
      <c r="C38" s="96" t="s">
        <v>17</v>
      </c>
      <c r="D38" s="31" t="s">
        <v>34</v>
      </c>
      <c r="E38" s="31" t="s">
        <v>34</v>
      </c>
      <c r="F38" s="32"/>
      <c r="G38" s="33"/>
    </row>
    <row r="39" spans="2:7" ht="22.5" customHeight="1" x14ac:dyDescent="0.15">
      <c r="B39" s="97" t="s">
        <v>67</v>
      </c>
      <c r="C39" s="98" t="s">
        <v>20</v>
      </c>
      <c r="D39" s="99" t="s">
        <v>34</v>
      </c>
      <c r="E39" s="99" t="s">
        <v>34</v>
      </c>
      <c r="F39" s="100"/>
      <c r="G39" s="107"/>
    </row>
    <row r="40" spans="2:7" ht="21" customHeight="1" x14ac:dyDescent="0.15"/>
    <row r="41" spans="2:7" ht="21" customHeight="1" x14ac:dyDescent="0.15">
      <c r="C41" s="37" t="s">
        <v>35</v>
      </c>
    </row>
    <row r="42" spans="2:7" ht="21" customHeight="1" x14ac:dyDescent="0.15">
      <c r="C42" s="37" t="s">
        <v>36</v>
      </c>
    </row>
    <row r="43" spans="2:7" ht="21" customHeight="1" x14ac:dyDescent="0.15"/>
    <row r="44" spans="2:7" ht="21" customHeight="1" x14ac:dyDescent="0.15"/>
    <row r="45" spans="2:7" ht="21" customHeight="1" x14ac:dyDescent="0.15"/>
    <row r="46" spans="2:7" ht="21" customHeight="1" x14ac:dyDescent="0.15"/>
    <row r="47" spans="2:7" ht="21" customHeight="1" x14ac:dyDescent="0.15"/>
    <row r="48" spans="2:7" ht="21" customHeight="1" x14ac:dyDescent="0.15"/>
    <row r="49" ht="21" customHeight="1" x14ac:dyDescent="0.15"/>
    <row r="50" ht="21" customHeight="1" x14ac:dyDescent="0.15"/>
    <row r="51" ht="21" customHeight="1" x14ac:dyDescent="0.15"/>
    <row r="52" ht="21" customHeight="1" x14ac:dyDescent="0.15"/>
    <row r="53" ht="21" customHeight="1" x14ac:dyDescent="0.15"/>
    <row r="54" ht="21" customHeight="1" x14ac:dyDescent="0.15"/>
    <row r="55" ht="21" customHeight="1" x14ac:dyDescent="0.15"/>
    <row r="56" ht="21" customHeight="1" x14ac:dyDescent="0.15"/>
    <row r="57" ht="21" customHeight="1" x14ac:dyDescent="0.15"/>
    <row r="58" ht="21" customHeight="1" x14ac:dyDescent="0.15"/>
    <row r="59" ht="21" customHeight="1" x14ac:dyDescent="0.15"/>
    <row r="60" ht="21" customHeight="1" x14ac:dyDescent="0.15"/>
    <row r="61" ht="21" customHeight="1" x14ac:dyDescent="0.15"/>
    <row r="62" ht="21" customHeight="1" x14ac:dyDescent="0.15"/>
    <row r="63" ht="21" customHeight="1" x14ac:dyDescent="0.15"/>
    <row r="64" ht="21" customHeight="1" x14ac:dyDescent="0.15"/>
    <row r="65" ht="21" customHeight="1" x14ac:dyDescent="0.15"/>
    <row r="66" ht="21" customHeight="1" x14ac:dyDescent="0.15"/>
    <row r="67" ht="21" customHeight="1" x14ac:dyDescent="0.15"/>
    <row r="68" ht="21" customHeight="1" x14ac:dyDescent="0.15"/>
    <row r="69" ht="21" customHeight="1" x14ac:dyDescent="0.15"/>
    <row r="70" ht="21" customHeight="1" x14ac:dyDescent="0.15"/>
    <row r="71" ht="21" customHeight="1" x14ac:dyDescent="0.15"/>
    <row r="72" ht="21" customHeight="1" x14ac:dyDescent="0.15"/>
    <row r="73" ht="21" customHeight="1" x14ac:dyDescent="0.15"/>
    <row r="74" ht="21" customHeight="1" x14ac:dyDescent="0.15"/>
    <row r="75" ht="21" customHeight="1" x14ac:dyDescent="0.15"/>
    <row r="76" ht="21" customHeight="1" x14ac:dyDescent="0.15"/>
    <row r="77" ht="21" customHeight="1" x14ac:dyDescent="0.15"/>
    <row r="78" ht="21" customHeight="1" x14ac:dyDescent="0.15"/>
    <row r="79" ht="21" customHeight="1" x14ac:dyDescent="0.15"/>
    <row r="80" ht="21" customHeight="1" x14ac:dyDescent="0.15"/>
    <row r="81" ht="21" customHeight="1" x14ac:dyDescent="0.15"/>
    <row r="82" ht="21" customHeight="1" x14ac:dyDescent="0.15"/>
    <row r="83" ht="21" customHeight="1" x14ac:dyDescent="0.15"/>
    <row r="84" ht="21" customHeight="1" x14ac:dyDescent="0.15"/>
    <row r="85" ht="21" customHeight="1" x14ac:dyDescent="0.15"/>
    <row r="86" ht="21" customHeight="1" x14ac:dyDescent="0.15"/>
    <row r="87" ht="21" customHeight="1" x14ac:dyDescent="0.15"/>
    <row r="88" ht="21" customHeight="1" x14ac:dyDescent="0.15"/>
    <row r="89" ht="21" customHeight="1" x14ac:dyDescent="0.15"/>
    <row r="90" ht="21" customHeight="1" x14ac:dyDescent="0.15"/>
    <row r="91" ht="21" customHeight="1" x14ac:dyDescent="0.15"/>
    <row r="92" ht="21" customHeight="1" x14ac:dyDescent="0.15"/>
    <row r="93" ht="21" customHeight="1" x14ac:dyDescent="0.15"/>
    <row r="94" ht="21" customHeight="1" x14ac:dyDescent="0.15"/>
    <row r="95" ht="21" customHeight="1" x14ac:dyDescent="0.15"/>
    <row r="96" ht="21" customHeight="1" x14ac:dyDescent="0.15"/>
    <row r="97" ht="21" customHeight="1" x14ac:dyDescent="0.15"/>
    <row r="98" ht="21" customHeight="1" x14ac:dyDescent="0.15"/>
    <row r="99" ht="21" customHeight="1" x14ac:dyDescent="0.15"/>
    <row r="100" ht="21" customHeight="1" x14ac:dyDescent="0.15"/>
    <row r="101" ht="21" customHeight="1" x14ac:dyDescent="0.15"/>
    <row r="102" ht="21" customHeight="1" x14ac:dyDescent="0.15"/>
    <row r="103" ht="21" customHeight="1" x14ac:dyDescent="0.15"/>
    <row r="104" ht="21" customHeight="1" x14ac:dyDescent="0.15"/>
    <row r="105" ht="21" customHeight="1" x14ac:dyDescent="0.15"/>
    <row r="106" ht="21" customHeight="1" x14ac:dyDescent="0.15"/>
    <row r="107" ht="21" customHeight="1" x14ac:dyDescent="0.15"/>
    <row r="108" ht="21" customHeight="1" x14ac:dyDescent="0.15"/>
    <row r="109" ht="21" customHeight="1" x14ac:dyDescent="0.15"/>
    <row r="110" ht="21" customHeight="1" x14ac:dyDescent="0.15"/>
    <row r="111" ht="21" customHeight="1" x14ac:dyDescent="0.15"/>
    <row r="112" ht="21" customHeight="1" x14ac:dyDescent="0.15"/>
    <row r="113" ht="21" customHeight="1" x14ac:dyDescent="0.15"/>
    <row r="114" ht="21" customHeight="1" x14ac:dyDescent="0.15"/>
    <row r="115" ht="21" customHeight="1" x14ac:dyDescent="0.15"/>
    <row r="116" ht="21" customHeight="1" x14ac:dyDescent="0.15"/>
    <row r="117" ht="21" customHeight="1" x14ac:dyDescent="0.15"/>
    <row r="118" ht="21" customHeight="1" x14ac:dyDescent="0.15"/>
    <row r="119" ht="21" customHeight="1" x14ac:dyDescent="0.15"/>
    <row r="120" ht="21" customHeight="1" x14ac:dyDescent="0.15"/>
    <row r="121" ht="21" customHeight="1" x14ac:dyDescent="0.15"/>
    <row r="122" ht="21" customHeight="1" x14ac:dyDescent="0.15"/>
    <row r="123" ht="21" customHeight="1" x14ac:dyDescent="0.15"/>
  </sheetData>
  <mergeCells count="2">
    <mergeCell ref="A1:G1"/>
    <mergeCell ref="B8:C8"/>
  </mergeCells>
  <phoneticPr fontId="2"/>
  <pageMargins left="0.55118110236220474" right="0.43307086614173229" top="0.27559055118110237" bottom="0.23622047244094491" header="0.51181102362204722" footer="0.51181102362204722"/>
  <pageSetup paperSize="9" orientation="portrait"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H36"/>
  <sheetViews>
    <sheetView zoomScaleNormal="100" workbookViewId="0">
      <selection activeCell="I2" sqref="I2"/>
    </sheetView>
  </sheetViews>
  <sheetFormatPr defaultRowHeight="13.5" x14ac:dyDescent="0.15"/>
  <cols>
    <col min="1" max="1" width="6.375" customWidth="1"/>
    <col min="2" max="8" width="11.625" customWidth="1"/>
  </cols>
  <sheetData>
    <row r="1" spans="2:8" ht="31.5" customHeight="1" x14ac:dyDescent="0.2">
      <c r="B1" s="138" t="s">
        <v>158</v>
      </c>
      <c r="C1" s="138"/>
      <c r="D1" s="138"/>
      <c r="E1" s="138"/>
      <c r="F1" s="138"/>
      <c r="G1" s="138"/>
      <c r="H1" s="138"/>
    </row>
    <row r="2" spans="2:8" ht="14.25" thickBot="1" x14ac:dyDescent="0.2"/>
    <row r="3" spans="2:8" ht="24.75" customHeight="1" x14ac:dyDescent="0.15">
      <c r="B3" s="3" t="s">
        <v>22</v>
      </c>
      <c r="C3" s="123" t="s">
        <v>23</v>
      </c>
      <c r="D3" s="137"/>
      <c r="E3" s="124"/>
      <c r="F3" s="126" t="s">
        <v>24</v>
      </c>
      <c r="G3" s="126"/>
      <c r="H3" s="4"/>
    </row>
    <row r="4" spans="2:8" ht="49.9" customHeight="1" x14ac:dyDescent="0.15">
      <c r="B4" s="125" t="s">
        <v>25</v>
      </c>
      <c r="C4" s="5" t="s">
        <v>26</v>
      </c>
      <c r="D4" s="127"/>
      <c r="E4" s="127"/>
      <c r="F4" s="127"/>
      <c r="G4" s="127"/>
      <c r="H4" s="128"/>
    </row>
    <row r="5" spans="2:8" ht="49.9" customHeight="1" x14ac:dyDescent="0.15">
      <c r="B5" s="125"/>
      <c r="C5" s="5" t="s">
        <v>27</v>
      </c>
      <c r="D5" s="127"/>
      <c r="E5" s="127"/>
      <c r="F5" s="127"/>
      <c r="G5" s="127"/>
      <c r="H5" s="128"/>
    </row>
    <row r="6" spans="2:8" ht="60" customHeight="1" x14ac:dyDescent="0.15">
      <c r="B6" s="139" t="s">
        <v>28</v>
      </c>
      <c r="C6" s="127"/>
      <c r="D6" s="127"/>
      <c r="E6" s="127"/>
      <c r="F6" s="127"/>
      <c r="G6" s="127"/>
      <c r="H6" s="128"/>
    </row>
    <row r="7" spans="2:8" ht="60" customHeight="1" thickBot="1" x14ac:dyDescent="0.2">
      <c r="B7" s="130"/>
      <c r="C7" s="140"/>
      <c r="D7" s="140"/>
      <c r="E7" s="140"/>
      <c r="F7" s="140"/>
      <c r="G7" s="140"/>
      <c r="H7" s="141"/>
    </row>
    <row r="8" spans="2:8" ht="14.25" thickBot="1" x14ac:dyDescent="0.2"/>
    <row r="9" spans="2:8" ht="24.75" customHeight="1" x14ac:dyDescent="0.15">
      <c r="B9" s="3" t="s">
        <v>22</v>
      </c>
      <c r="C9" s="123" t="s">
        <v>23</v>
      </c>
      <c r="D9" s="137"/>
      <c r="E9" s="124"/>
      <c r="F9" s="126" t="s">
        <v>24</v>
      </c>
      <c r="G9" s="126"/>
      <c r="H9" s="4"/>
    </row>
    <row r="10" spans="2:8" ht="49.9" customHeight="1" x14ac:dyDescent="0.15">
      <c r="B10" s="125" t="s">
        <v>25</v>
      </c>
      <c r="C10" s="5" t="s">
        <v>26</v>
      </c>
      <c r="D10" s="127"/>
      <c r="E10" s="127"/>
      <c r="F10" s="127"/>
      <c r="G10" s="127"/>
      <c r="H10" s="128"/>
    </row>
    <row r="11" spans="2:8" ht="49.9" customHeight="1" x14ac:dyDescent="0.15">
      <c r="B11" s="125"/>
      <c r="C11" s="5" t="s">
        <v>27</v>
      </c>
      <c r="D11" s="127"/>
      <c r="E11" s="127"/>
      <c r="F11" s="127"/>
      <c r="G11" s="127"/>
      <c r="H11" s="128"/>
    </row>
    <row r="12" spans="2:8" ht="60" customHeight="1" x14ac:dyDescent="0.15">
      <c r="B12" s="139" t="s">
        <v>28</v>
      </c>
      <c r="C12" s="127"/>
      <c r="D12" s="127"/>
      <c r="E12" s="127"/>
      <c r="F12" s="127"/>
      <c r="G12" s="127"/>
      <c r="H12" s="128"/>
    </row>
    <row r="13" spans="2:8" ht="60" customHeight="1" thickBot="1" x14ac:dyDescent="0.2">
      <c r="B13" s="130"/>
      <c r="C13" s="140"/>
      <c r="D13" s="140"/>
      <c r="E13" s="140"/>
      <c r="F13" s="140"/>
      <c r="G13" s="140"/>
      <c r="H13" s="141"/>
    </row>
    <row r="14" spans="2:8" ht="14.25" thickBot="1" x14ac:dyDescent="0.2"/>
    <row r="15" spans="2:8" ht="24.75" customHeight="1" x14ac:dyDescent="0.15">
      <c r="B15" s="3" t="s">
        <v>22</v>
      </c>
      <c r="C15" s="123" t="s">
        <v>23</v>
      </c>
      <c r="D15" s="137"/>
      <c r="E15" s="124"/>
      <c r="F15" s="126" t="s">
        <v>24</v>
      </c>
      <c r="G15" s="126"/>
      <c r="H15" s="4"/>
    </row>
    <row r="16" spans="2:8" ht="49.9" customHeight="1" x14ac:dyDescent="0.15">
      <c r="B16" s="125" t="s">
        <v>25</v>
      </c>
      <c r="C16" s="5" t="s">
        <v>26</v>
      </c>
      <c r="D16" s="127"/>
      <c r="E16" s="127"/>
      <c r="F16" s="127"/>
      <c r="G16" s="127"/>
      <c r="H16" s="128"/>
    </row>
    <row r="17" spans="2:8" ht="49.9" customHeight="1" x14ac:dyDescent="0.15">
      <c r="B17" s="125"/>
      <c r="C17" s="5" t="s">
        <v>27</v>
      </c>
      <c r="D17" s="127"/>
      <c r="E17" s="127"/>
      <c r="F17" s="127"/>
      <c r="G17" s="127"/>
      <c r="H17" s="128"/>
    </row>
    <row r="18" spans="2:8" ht="61.15" customHeight="1" x14ac:dyDescent="0.15">
      <c r="B18" s="139" t="s">
        <v>28</v>
      </c>
      <c r="C18" s="127"/>
      <c r="D18" s="127"/>
      <c r="E18" s="127"/>
      <c r="F18" s="127"/>
      <c r="G18" s="127"/>
      <c r="H18" s="128"/>
    </row>
    <row r="19" spans="2:8" ht="61.15" customHeight="1" thickBot="1" x14ac:dyDescent="0.2">
      <c r="B19" s="130"/>
      <c r="C19" s="140"/>
      <c r="D19" s="140"/>
      <c r="E19" s="140"/>
      <c r="F19" s="140"/>
      <c r="G19" s="140"/>
      <c r="H19" s="141"/>
    </row>
    <row r="20" spans="2:8" ht="31.5" customHeight="1" x14ac:dyDescent="0.2">
      <c r="B20" s="138" t="str">
        <f>B1</f>
        <v>企　業　実　習　日　誌　　技術校生氏名　（　○○○○　）</v>
      </c>
      <c r="C20" s="138"/>
      <c r="D20" s="138"/>
      <c r="E20" s="138"/>
      <c r="F20" s="138"/>
      <c r="G20" s="138"/>
      <c r="H20" s="138"/>
    </row>
    <row r="21" spans="2:8" ht="17.25" customHeight="1" thickBot="1" x14ac:dyDescent="0.2"/>
    <row r="22" spans="2:8" ht="24.75" customHeight="1" x14ac:dyDescent="0.15">
      <c r="B22" s="3" t="s">
        <v>22</v>
      </c>
      <c r="C22" s="123" t="s">
        <v>23</v>
      </c>
      <c r="D22" s="137"/>
      <c r="E22" s="124"/>
      <c r="F22" s="123" t="s">
        <v>24</v>
      </c>
      <c r="G22" s="124"/>
      <c r="H22" s="4"/>
    </row>
    <row r="23" spans="2:8" ht="49.9" customHeight="1" x14ac:dyDescent="0.15">
      <c r="B23" s="125" t="s">
        <v>25</v>
      </c>
      <c r="C23" s="5" t="s">
        <v>26</v>
      </c>
      <c r="D23" s="127"/>
      <c r="E23" s="127"/>
      <c r="F23" s="127"/>
      <c r="G23" s="127"/>
      <c r="H23" s="128"/>
    </row>
    <row r="24" spans="2:8" ht="49.9" customHeight="1" x14ac:dyDescent="0.15">
      <c r="B24" s="125"/>
      <c r="C24" s="5" t="s">
        <v>27</v>
      </c>
      <c r="D24" s="127"/>
      <c r="E24" s="127"/>
      <c r="F24" s="127"/>
      <c r="G24" s="127"/>
      <c r="H24" s="128"/>
    </row>
    <row r="25" spans="2:8" ht="60" customHeight="1" x14ac:dyDescent="0.15">
      <c r="B25" s="139" t="s">
        <v>28</v>
      </c>
      <c r="C25" s="127"/>
      <c r="D25" s="127"/>
      <c r="E25" s="127"/>
      <c r="F25" s="127"/>
      <c r="G25" s="127"/>
      <c r="H25" s="128"/>
    </row>
    <row r="26" spans="2:8" ht="60" customHeight="1" thickBot="1" x14ac:dyDescent="0.2">
      <c r="B26" s="130"/>
      <c r="C26" s="140"/>
      <c r="D26" s="140"/>
      <c r="E26" s="140"/>
      <c r="F26" s="140"/>
      <c r="G26" s="140"/>
      <c r="H26" s="141"/>
    </row>
    <row r="27" spans="2:8" ht="14.25" thickBot="1" x14ac:dyDescent="0.2"/>
    <row r="28" spans="2:8" ht="24.75" customHeight="1" x14ac:dyDescent="0.15">
      <c r="B28" s="3" t="s">
        <v>22</v>
      </c>
      <c r="C28" s="123" t="s">
        <v>23</v>
      </c>
      <c r="D28" s="137"/>
      <c r="E28" s="124"/>
      <c r="F28" s="126" t="s">
        <v>24</v>
      </c>
      <c r="G28" s="126"/>
      <c r="H28" s="4"/>
    </row>
    <row r="29" spans="2:8" ht="49.9" customHeight="1" x14ac:dyDescent="0.15">
      <c r="B29" s="125" t="s">
        <v>25</v>
      </c>
      <c r="C29" s="5" t="s">
        <v>26</v>
      </c>
      <c r="D29" s="127"/>
      <c r="E29" s="127"/>
      <c r="F29" s="127"/>
      <c r="G29" s="127"/>
      <c r="H29" s="128"/>
    </row>
    <row r="30" spans="2:8" ht="49.9" customHeight="1" x14ac:dyDescent="0.15">
      <c r="B30" s="125"/>
      <c r="C30" s="5" t="s">
        <v>27</v>
      </c>
      <c r="D30" s="127"/>
      <c r="E30" s="127"/>
      <c r="F30" s="127"/>
      <c r="G30" s="127"/>
      <c r="H30" s="128"/>
    </row>
    <row r="31" spans="2:8" ht="60" customHeight="1" x14ac:dyDescent="0.15">
      <c r="B31" s="139" t="s">
        <v>28</v>
      </c>
      <c r="C31" s="127"/>
      <c r="D31" s="127"/>
      <c r="E31" s="127"/>
      <c r="F31" s="127"/>
      <c r="G31" s="127"/>
      <c r="H31" s="128"/>
    </row>
    <row r="32" spans="2:8" ht="60" customHeight="1" thickBot="1" x14ac:dyDescent="0.2">
      <c r="B32" s="130"/>
      <c r="C32" s="140"/>
      <c r="D32" s="140"/>
      <c r="E32" s="140"/>
      <c r="F32" s="140"/>
      <c r="G32" s="140"/>
      <c r="H32" s="141"/>
    </row>
    <row r="33" spans="2:8" ht="14.25" thickBot="1" x14ac:dyDescent="0.2"/>
    <row r="34" spans="2:8" ht="71.25" customHeight="1" x14ac:dyDescent="0.15">
      <c r="B34" s="129" t="s">
        <v>42</v>
      </c>
      <c r="C34" s="131"/>
      <c r="D34" s="132"/>
      <c r="E34" s="132"/>
      <c r="F34" s="132"/>
      <c r="G34" s="132"/>
      <c r="H34" s="133"/>
    </row>
    <row r="35" spans="2:8" ht="121.5" customHeight="1" thickBot="1" x14ac:dyDescent="0.2">
      <c r="B35" s="130"/>
      <c r="C35" s="134"/>
      <c r="D35" s="135"/>
      <c r="E35" s="135"/>
      <c r="F35" s="135"/>
      <c r="G35" s="135"/>
      <c r="H35" s="136"/>
    </row>
    <row r="36" spans="2:8" ht="53.25" customHeight="1" x14ac:dyDescent="0.15">
      <c r="F36" s="6" t="s">
        <v>87</v>
      </c>
      <c r="G36" s="6"/>
      <c r="H36" s="6"/>
    </row>
  </sheetData>
  <mergeCells count="39">
    <mergeCell ref="C25:H26"/>
    <mergeCell ref="B31:B32"/>
    <mergeCell ref="C31:H32"/>
    <mergeCell ref="C28:E28"/>
    <mergeCell ref="F28:G28"/>
    <mergeCell ref="B29:B30"/>
    <mergeCell ref="D29:H29"/>
    <mergeCell ref="D30:H30"/>
    <mergeCell ref="B1:H1"/>
    <mergeCell ref="C9:E9"/>
    <mergeCell ref="F9:G9"/>
    <mergeCell ref="B4:B5"/>
    <mergeCell ref="B6:B7"/>
    <mergeCell ref="D4:H4"/>
    <mergeCell ref="C3:E3"/>
    <mergeCell ref="F3:G3"/>
    <mergeCell ref="D5:H5"/>
    <mergeCell ref="C6:H7"/>
    <mergeCell ref="B10:B11"/>
    <mergeCell ref="D10:H10"/>
    <mergeCell ref="D11:H11"/>
    <mergeCell ref="B12:B13"/>
    <mergeCell ref="C12:H13"/>
    <mergeCell ref="F22:G22"/>
    <mergeCell ref="B23:B24"/>
    <mergeCell ref="F15:G15"/>
    <mergeCell ref="D16:H16"/>
    <mergeCell ref="B34:B35"/>
    <mergeCell ref="C34:H35"/>
    <mergeCell ref="C15:E15"/>
    <mergeCell ref="B16:B17"/>
    <mergeCell ref="B20:H20"/>
    <mergeCell ref="D17:H17"/>
    <mergeCell ref="B18:B19"/>
    <mergeCell ref="D23:H23"/>
    <mergeCell ref="D24:H24"/>
    <mergeCell ref="C18:H19"/>
    <mergeCell ref="C22:E22"/>
    <mergeCell ref="B25:B26"/>
  </mergeCells>
  <phoneticPr fontId="2"/>
  <pageMargins left="0.93" right="0.78700000000000003" top="0.79" bottom="0.98399999999999999" header="1.07" footer="0.51200000000000001"/>
  <pageSetup paperSize="9" scale="93" orientation="portrait"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82"/>
  <sheetViews>
    <sheetView zoomScale="130" zoomScaleNormal="130" zoomScaleSheetLayoutView="80" zoomScalePageLayoutView="55" workbookViewId="0">
      <selection activeCell="O12" sqref="O12"/>
    </sheetView>
  </sheetViews>
  <sheetFormatPr defaultRowHeight="13.5" x14ac:dyDescent="0.15"/>
  <cols>
    <col min="1" max="1" width="6.875" style="42" customWidth="1"/>
    <col min="2" max="2" width="6.875" style="86" customWidth="1"/>
    <col min="3" max="7" width="2.75" style="86" customWidth="1"/>
    <col min="8" max="8" width="2.75" style="87" customWidth="1"/>
    <col min="9" max="9" width="3.25" style="86" customWidth="1"/>
    <col min="10" max="10" width="27.75" style="86" customWidth="1"/>
    <col min="11" max="11" width="16.625" style="86" customWidth="1"/>
    <col min="12" max="12" width="16" style="86" customWidth="1"/>
    <col min="13" max="13" width="9.625" style="42" customWidth="1"/>
    <col min="14" max="255" width="8.875" style="42"/>
    <col min="256" max="256" width="2.75" style="42" customWidth="1"/>
    <col min="257" max="258" width="14.375" style="42" customWidth="1"/>
    <col min="259" max="265" width="5.125" style="42" customWidth="1"/>
    <col min="266" max="266" width="84.625" style="42" customWidth="1"/>
    <col min="267" max="267" width="23.875" style="42" customWidth="1"/>
    <col min="268" max="268" width="12.5" style="42" customWidth="1"/>
    <col min="269" max="269" width="3.375" style="42" customWidth="1"/>
    <col min="270" max="511" width="8.875" style="42"/>
    <col min="512" max="512" width="2.75" style="42" customWidth="1"/>
    <col min="513" max="514" width="14.375" style="42" customWidth="1"/>
    <col min="515" max="521" width="5.125" style="42" customWidth="1"/>
    <col min="522" max="522" width="84.625" style="42" customWidth="1"/>
    <col min="523" max="523" width="23.875" style="42" customWidth="1"/>
    <col min="524" max="524" width="12.5" style="42" customWidth="1"/>
    <col min="525" max="525" width="3.375" style="42" customWidth="1"/>
    <col min="526" max="767" width="8.875" style="42"/>
    <col min="768" max="768" width="2.75" style="42" customWidth="1"/>
    <col min="769" max="770" width="14.375" style="42" customWidth="1"/>
    <col min="771" max="777" width="5.125" style="42" customWidth="1"/>
    <col min="778" max="778" width="84.625" style="42" customWidth="1"/>
    <col min="779" max="779" width="23.875" style="42" customWidth="1"/>
    <col min="780" max="780" width="12.5" style="42" customWidth="1"/>
    <col min="781" max="781" width="3.375" style="42" customWidth="1"/>
    <col min="782" max="1023" width="8.875" style="42"/>
    <col min="1024" max="1024" width="2.75" style="42" customWidth="1"/>
    <col min="1025" max="1026" width="14.375" style="42" customWidth="1"/>
    <col min="1027" max="1033" width="5.125" style="42" customWidth="1"/>
    <col min="1034" max="1034" width="84.625" style="42" customWidth="1"/>
    <col min="1035" max="1035" width="23.875" style="42" customWidth="1"/>
    <col min="1036" max="1036" width="12.5" style="42" customWidth="1"/>
    <col min="1037" max="1037" width="3.375" style="42" customWidth="1"/>
    <col min="1038" max="1279" width="8.875" style="42"/>
    <col min="1280" max="1280" width="2.75" style="42" customWidth="1"/>
    <col min="1281" max="1282" width="14.375" style="42" customWidth="1"/>
    <col min="1283" max="1289" width="5.125" style="42" customWidth="1"/>
    <col min="1290" max="1290" width="84.625" style="42" customWidth="1"/>
    <col min="1291" max="1291" width="23.875" style="42" customWidth="1"/>
    <col min="1292" max="1292" width="12.5" style="42" customWidth="1"/>
    <col min="1293" max="1293" width="3.375" style="42" customWidth="1"/>
    <col min="1294" max="1535" width="8.875" style="42"/>
    <col min="1536" max="1536" width="2.75" style="42" customWidth="1"/>
    <col min="1537" max="1538" width="14.375" style="42" customWidth="1"/>
    <col min="1539" max="1545" width="5.125" style="42" customWidth="1"/>
    <col min="1546" max="1546" width="84.625" style="42" customWidth="1"/>
    <col min="1547" max="1547" width="23.875" style="42" customWidth="1"/>
    <col min="1548" max="1548" width="12.5" style="42" customWidth="1"/>
    <col min="1549" max="1549" width="3.375" style="42" customWidth="1"/>
    <col min="1550" max="1791" width="8.875" style="42"/>
    <col min="1792" max="1792" width="2.75" style="42" customWidth="1"/>
    <col min="1793" max="1794" width="14.375" style="42" customWidth="1"/>
    <col min="1795" max="1801" width="5.125" style="42" customWidth="1"/>
    <col min="1802" max="1802" width="84.625" style="42" customWidth="1"/>
    <col min="1803" max="1803" width="23.875" style="42" customWidth="1"/>
    <col min="1804" max="1804" width="12.5" style="42" customWidth="1"/>
    <col min="1805" max="1805" width="3.375" style="42" customWidth="1"/>
    <col min="1806" max="2047" width="8.875" style="42"/>
    <col min="2048" max="2048" width="2.75" style="42" customWidth="1"/>
    <col min="2049" max="2050" width="14.375" style="42" customWidth="1"/>
    <col min="2051" max="2057" width="5.125" style="42" customWidth="1"/>
    <col min="2058" max="2058" width="84.625" style="42" customWidth="1"/>
    <col min="2059" max="2059" width="23.875" style="42" customWidth="1"/>
    <col min="2060" max="2060" width="12.5" style="42" customWidth="1"/>
    <col min="2061" max="2061" width="3.375" style="42" customWidth="1"/>
    <col min="2062" max="2303" width="8.875" style="42"/>
    <col min="2304" max="2304" width="2.75" style="42" customWidth="1"/>
    <col min="2305" max="2306" width="14.375" style="42" customWidth="1"/>
    <col min="2307" max="2313" width="5.125" style="42" customWidth="1"/>
    <col min="2314" max="2314" width="84.625" style="42" customWidth="1"/>
    <col min="2315" max="2315" width="23.875" style="42" customWidth="1"/>
    <col min="2316" max="2316" width="12.5" style="42" customWidth="1"/>
    <col min="2317" max="2317" width="3.375" style="42" customWidth="1"/>
    <col min="2318" max="2559" width="8.875" style="42"/>
    <col min="2560" max="2560" width="2.75" style="42" customWidth="1"/>
    <col min="2561" max="2562" width="14.375" style="42" customWidth="1"/>
    <col min="2563" max="2569" width="5.125" style="42" customWidth="1"/>
    <col min="2570" max="2570" width="84.625" style="42" customWidth="1"/>
    <col min="2571" max="2571" width="23.875" style="42" customWidth="1"/>
    <col min="2572" max="2572" width="12.5" style="42" customWidth="1"/>
    <col min="2573" max="2573" width="3.375" style="42" customWidth="1"/>
    <col min="2574" max="2815" width="8.875" style="42"/>
    <col min="2816" max="2816" width="2.75" style="42" customWidth="1"/>
    <col min="2817" max="2818" width="14.375" style="42" customWidth="1"/>
    <col min="2819" max="2825" width="5.125" style="42" customWidth="1"/>
    <col min="2826" max="2826" width="84.625" style="42" customWidth="1"/>
    <col min="2827" max="2827" width="23.875" style="42" customWidth="1"/>
    <col min="2828" max="2828" width="12.5" style="42" customWidth="1"/>
    <col min="2829" max="2829" width="3.375" style="42" customWidth="1"/>
    <col min="2830" max="3071" width="8.875" style="42"/>
    <col min="3072" max="3072" width="2.75" style="42" customWidth="1"/>
    <col min="3073" max="3074" width="14.375" style="42" customWidth="1"/>
    <col min="3075" max="3081" width="5.125" style="42" customWidth="1"/>
    <col min="3082" max="3082" width="84.625" style="42" customWidth="1"/>
    <col min="3083" max="3083" width="23.875" style="42" customWidth="1"/>
    <col min="3084" max="3084" width="12.5" style="42" customWidth="1"/>
    <col min="3085" max="3085" width="3.375" style="42" customWidth="1"/>
    <col min="3086" max="3327" width="8.875" style="42"/>
    <col min="3328" max="3328" width="2.75" style="42" customWidth="1"/>
    <col min="3329" max="3330" width="14.375" style="42" customWidth="1"/>
    <col min="3331" max="3337" width="5.125" style="42" customWidth="1"/>
    <col min="3338" max="3338" width="84.625" style="42" customWidth="1"/>
    <col min="3339" max="3339" width="23.875" style="42" customWidth="1"/>
    <col min="3340" max="3340" width="12.5" style="42" customWidth="1"/>
    <col min="3341" max="3341" width="3.375" style="42" customWidth="1"/>
    <col min="3342" max="3583" width="8.875" style="42"/>
    <col min="3584" max="3584" width="2.75" style="42" customWidth="1"/>
    <col min="3585" max="3586" width="14.375" style="42" customWidth="1"/>
    <col min="3587" max="3593" width="5.125" style="42" customWidth="1"/>
    <col min="3594" max="3594" width="84.625" style="42" customWidth="1"/>
    <col min="3595" max="3595" width="23.875" style="42" customWidth="1"/>
    <col min="3596" max="3596" width="12.5" style="42" customWidth="1"/>
    <col min="3597" max="3597" width="3.375" style="42" customWidth="1"/>
    <col min="3598" max="3839" width="8.875" style="42"/>
    <col min="3840" max="3840" width="2.75" style="42" customWidth="1"/>
    <col min="3841" max="3842" width="14.375" style="42" customWidth="1"/>
    <col min="3843" max="3849" width="5.125" style="42" customWidth="1"/>
    <col min="3850" max="3850" width="84.625" style="42" customWidth="1"/>
    <col min="3851" max="3851" width="23.875" style="42" customWidth="1"/>
    <col min="3852" max="3852" width="12.5" style="42" customWidth="1"/>
    <col min="3853" max="3853" width="3.375" style="42" customWidth="1"/>
    <col min="3854" max="4095" width="8.875" style="42"/>
    <col min="4096" max="4096" width="2.75" style="42" customWidth="1"/>
    <col min="4097" max="4098" width="14.375" style="42" customWidth="1"/>
    <col min="4099" max="4105" width="5.125" style="42" customWidth="1"/>
    <col min="4106" max="4106" width="84.625" style="42" customWidth="1"/>
    <col min="4107" max="4107" width="23.875" style="42" customWidth="1"/>
    <col min="4108" max="4108" width="12.5" style="42" customWidth="1"/>
    <col min="4109" max="4109" width="3.375" style="42" customWidth="1"/>
    <col min="4110" max="4351" width="8.875" style="42"/>
    <col min="4352" max="4352" width="2.75" style="42" customWidth="1"/>
    <col min="4353" max="4354" width="14.375" style="42" customWidth="1"/>
    <col min="4355" max="4361" width="5.125" style="42" customWidth="1"/>
    <col min="4362" max="4362" width="84.625" style="42" customWidth="1"/>
    <col min="4363" max="4363" width="23.875" style="42" customWidth="1"/>
    <col min="4364" max="4364" width="12.5" style="42" customWidth="1"/>
    <col min="4365" max="4365" width="3.375" style="42" customWidth="1"/>
    <col min="4366" max="4607" width="8.875" style="42"/>
    <col min="4608" max="4608" width="2.75" style="42" customWidth="1"/>
    <col min="4609" max="4610" width="14.375" style="42" customWidth="1"/>
    <col min="4611" max="4617" width="5.125" style="42" customWidth="1"/>
    <col min="4618" max="4618" width="84.625" style="42" customWidth="1"/>
    <col min="4619" max="4619" width="23.875" style="42" customWidth="1"/>
    <col min="4620" max="4620" width="12.5" style="42" customWidth="1"/>
    <col min="4621" max="4621" width="3.375" style="42" customWidth="1"/>
    <col min="4622" max="4863" width="8.875" style="42"/>
    <col min="4864" max="4864" width="2.75" style="42" customWidth="1"/>
    <col min="4865" max="4866" width="14.375" style="42" customWidth="1"/>
    <col min="4867" max="4873" width="5.125" style="42" customWidth="1"/>
    <col min="4874" max="4874" width="84.625" style="42" customWidth="1"/>
    <col min="4875" max="4875" width="23.875" style="42" customWidth="1"/>
    <col min="4876" max="4876" width="12.5" style="42" customWidth="1"/>
    <col min="4877" max="4877" width="3.375" style="42" customWidth="1"/>
    <col min="4878" max="5119" width="8.875" style="42"/>
    <col min="5120" max="5120" width="2.75" style="42" customWidth="1"/>
    <col min="5121" max="5122" width="14.375" style="42" customWidth="1"/>
    <col min="5123" max="5129" width="5.125" style="42" customWidth="1"/>
    <col min="5130" max="5130" width="84.625" style="42" customWidth="1"/>
    <col min="5131" max="5131" width="23.875" style="42" customWidth="1"/>
    <col min="5132" max="5132" width="12.5" style="42" customWidth="1"/>
    <col min="5133" max="5133" width="3.375" style="42" customWidth="1"/>
    <col min="5134" max="5375" width="8.875" style="42"/>
    <col min="5376" max="5376" width="2.75" style="42" customWidth="1"/>
    <col min="5377" max="5378" width="14.375" style="42" customWidth="1"/>
    <col min="5379" max="5385" width="5.125" style="42" customWidth="1"/>
    <col min="5386" max="5386" width="84.625" style="42" customWidth="1"/>
    <col min="5387" max="5387" width="23.875" style="42" customWidth="1"/>
    <col min="5388" max="5388" width="12.5" style="42" customWidth="1"/>
    <col min="5389" max="5389" width="3.375" style="42" customWidth="1"/>
    <col min="5390" max="5631" width="8.875" style="42"/>
    <col min="5632" max="5632" width="2.75" style="42" customWidth="1"/>
    <col min="5633" max="5634" width="14.375" style="42" customWidth="1"/>
    <col min="5635" max="5641" width="5.125" style="42" customWidth="1"/>
    <col min="5642" max="5642" width="84.625" style="42" customWidth="1"/>
    <col min="5643" max="5643" width="23.875" style="42" customWidth="1"/>
    <col min="5644" max="5644" width="12.5" style="42" customWidth="1"/>
    <col min="5645" max="5645" width="3.375" style="42" customWidth="1"/>
    <col min="5646" max="5887" width="8.875" style="42"/>
    <col min="5888" max="5888" width="2.75" style="42" customWidth="1"/>
    <col min="5889" max="5890" width="14.375" style="42" customWidth="1"/>
    <col min="5891" max="5897" width="5.125" style="42" customWidth="1"/>
    <col min="5898" max="5898" width="84.625" style="42" customWidth="1"/>
    <col min="5899" max="5899" width="23.875" style="42" customWidth="1"/>
    <col min="5900" max="5900" width="12.5" style="42" customWidth="1"/>
    <col min="5901" max="5901" width="3.375" style="42" customWidth="1"/>
    <col min="5902" max="6143" width="8.875" style="42"/>
    <col min="6144" max="6144" width="2.75" style="42" customWidth="1"/>
    <col min="6145" max="6146" width="14.375" style="42" customWidth="1"/>
    <col min="6147" max="6153" width="5.125" style="42" customWidth="1"/>
    <col min="6154" max="6154" width="84.625" style="42" customWidth="1"/>
    <col min="6155" max="6155" width="23.875" style="42" customWidth="1"/>
    <col min="6156" max="6156" width="12.5" style="42" customWidth="1"/>
    <col min="6157" max="6157" width="3.375" style="42" customWidth="1"/>
    <col min="6158" max="6399" width="8.875" style="42"/>
    <col min="6400" max="6400" width="2.75" style="42" customWidth="1"/>
    <col min="6401" max="6402" width="14.375" style="42" customWidth="1"/>
    <col min="6403" max="6409" width="5.125" style="42" customWidth="1"/>
    <col min="6410" max="6410" width="84.625" style="42" customWidth="1"/>
    <col min="6411" max="6411" width="23.875" style="42" customWidth="1"/>
    <col min="6412" max="6412" width="12.5" style="42" customWidth="1"/>
    <col min="6413" max="6413" width="3.375" style="42" customWidth="1"/>
    <col min="6414" max="6655" width="8.875" style="42"/>
    <col min="6656" max="6656" width="2.75" style="42" customWidth="1"/>
    <col min="6657" max="6658" width="14.375" style="42" customWidth="1"/>
    <col min="6659" max="6665" width="5.125" style="42" customWidth="1"/>
    <col min="6666" max="6666" width="84.625" style="42" customWidth="1"/>
    <col min="6667" max="6667" width="23.875" style="42" customWidth="1"/>
    <col min="6668" max="6668" width="12.5" style="42" customWidth="1"/>
    <col min="6669" max="6669" width="3.375" style="42" customWidth="1"/>
    <col min="6670" max="6911" width="8.875" style="42"/>
    <col min="6912" max="6912" width="2.75" style="42" customWidth="1"/>
    <col min="6913" max="6914" width="14.375" style="42" customWidth="1"/>
    <col min="6915" max="6921" width="5.125" style="42" customWidth="1"/>
    <col min="6922" max="6922" width="84.625" style="42" customWidth="1"/>
    <col min="6923" max="6923" width="23.875" style="42" customWidth="1"/>
    <col min="6924" max="6924" width="12.5" style="42" customWidth="1"/>
    <col min="6925" max="6925" width="3.375" style="42" customWidth="1"/>
    <col min="6926" max="7167" width="8.875" style="42"/>
    <col min="7168" max="7168" width="2.75" style="42" customWidth="1"/>
    <col min="7169" max="7170" width="14.375" style="42" customWidth="1"/>
    <col min="7171" max="7177" width="5.125" style="42" customWidth="1"/>
    <col min="7178" max="7178" width="84.625" style="42" customWidth="1"/>
    <col min="7179" max="7179" width="23.875" style="42" customWidth="1"/>
    <col min="7180" max="7180" width="12.5" style="42" customWidth="1"/>
    <col min="7181" max="7181" width="3.375" style="42" customWidth="1"/>
    <col min="7182" max="7423" width="8.875" style="42"/>
    <col min="7424" max="7424" width="2.75" style="42" customWidth="1"/>
    <col min="7425" max="7426" width="14.375" style="42" customWidth="1"/>
    <col min="7427" max="7433" width="5.125" style="42" customWidth="1"/>
    <col min="7434" max="7434" width="84.625" style="42" customWidth="1"/>
    <col min="7435" max="7435" width="23.875" style="42" customWidth="1"/>
    <col min="7436" max="7436" width="12.5" style="42" customWidth="1"/>
    <col min="7437" max="7437" width="3.375" style="42" customWidth="1"/>
    <col min="7438" max="7679" width="8.875" style="42"/>
    <col min="7680" max="7680" width="2.75" style="42" customWidth="1"/>
    <col min="7681" max="7682" width="14.375" style="42" customWidth="1"/>
    <col min="7683" max="7689" width="5.125" style="42" customWidth="1"/>
    <col min="7690" max="7690" width="84.625" style="42" customWidth="1"/>
    <col min="7691" max="7691" width="23.875" style="42" customWidth="1"/>
    <col min="7692" max="7692" width="12.5" style="42" customWidth="1"/>
    <col min="7693" max="7693" width="3.375" style="42" customWidth="1"/>
    <col min="7694" max="7935" width="8.875" style="42"/>
    <col min="7936" max="7936" width="2.75" style="42" customWidth="1"/>
    <col min="7937" max="7938" width="14.375" style="42" customWidth="1"/>
    <col min="7939" max="7945" width="5.125" style="42" customWidth="1"/>
    <col min="7946" max="7946" width="84.625" style="42" customWidth="1"/>
    <col min="7947" max="7947" width="23.875" style="42" customWidth="1"/>
    <col min="7948" max="7948" width="12.5" style="42" customWidth="1"/>
    <col min="7949" max="7949" width="3.375" style="42" customWidth="1"/>
    <col min="7950" max="8191" width="8.875" style="42"/>
    <col min="8192" max="8192" width="2.75" style="42" customWidth="1"/>
    <col min="8193" max="8194" width="14.375" style="42" customWidth="1"/>
    <col min="8195" max="8201" width="5.125" style="42" customWidth="1"/>
    <col min="8202" max="8202" width="84.625" style="42" customWidth="1"/>
    <col min="8203" max="8203" width="23.875" style="42" customWidth="1"/>
    <col min="8204" max="8204" width="12.5" style="42" customWidth="1"/>
    <col min="8205" max="8205" width="3.375" style="42" customWidth="1"/>
    <col min="8206" max="8447" width="8.875" style="42"/>
    <col min="8448" max="8448" width="2.75" style="42" customWidth="1"/>
    <col min="8449" max="8450" width="14.375" style="42" customWidth="1"/>
    <col min="8451" max="8457" width="5.125" style="42" customWidth="1"/>
    <col min="8458" max="8458" width="84.625" style="42" customWidth="1"/>
    <col min="8459" max="8459" width="23.875" style="42" customWidth="1"/>
    <col min="8460" max="8460" width="12.5" style="42" customWidth="1"/>
    <col min="8461" max="8461" width="3.375" style="42" customWidth="1"/>
    <col min="8462" max="8703" width="8.875" style="42"/>
    <col min="8704" max="8704" width="2.75" style="42" customWidth="1"/>
    <col min="8705" max="8706" width="14.375" style="42" customWidth="1"/>
    <col min="8707" max="8713" width="5.125" style="42" customWidth="1"/>
    <col min="8714" max="8714" width="84.625" style="42" customWidth="1"/>
    <col min="8715" max="8715" width="23.875" style="42" customWidth="1"/>
    <col min="8716" max="8716" width="12.5" style="42" customWidth="1"/>
    <col min="8717" max="8717" width="3.375" style="42" customWidth="1"/>
    <col min="8718" max="8959" width="8.875" style="42"/>
    <col min="8960" max="8960" width="2.75" style="42" customWidth="1"/>
    <col min="8961" max="8962" width="14.375" style="42" customWidth="1"/>
    <col min="8963" max="8969" width="5.125" style="42" customWidth="1"/>
    <col min="8970" max="8970" width="84.625" style="42" customWidth="1"/>
    <col min="8971" max="8971" width="23.875" style="42" customWidth="1"/>
    <col min="8972" max="8972" width="12.5" style="42" customWidth="1"/>
    <col min="8973" max="8973" width="3.375" style="42" customWidth="1"/>
    <col min="8974" max="9215" width="8.875" style="42"/>
    <col min="9216" max="9216" width="2.75" style="42" customWidth="1"/>
    <col min="9217" max="9218" width="14.375" style="42" customWidth="1"/>
    <col min="9219" max="9225" width="5.125" style="42" customWidth="1"/>
    <col min="9226" max="9226" width="84.625" style="42" customWidth="1"/>
    <col min="9227" max="9227" width="23.875" style="42" customWidth="1"/>
    <col min="9228" max="9228" width="12.5" style="42" customWidth="1"/>
    <col min="9229" max="9229" width="3.375" style="42" customWidth="1"/>
    <col min="9230" max="9471" width="8.875" style="42"/>
    <col min="9472" max="9472" width="2.75" style="42" customWidth="1"/>
    <col min="9473" max="9474" width="14.375" style="42" customWidth="1"/>
    <col min="9475" max="9481" width="5.125" style="42" customWidth="1"/>
    <col min="9482" max="9482" width="84.625" style="42" customWidth="1"/>
    <col min="9483" max="9483" width="23.875" style="42" customWidth="1"/>
    <col min="9484" max="9484" width="12.5" style="42" customWidth="1"/>
    <col min="9485" max="9485" width="3.375" style="42" customWidth="1"/>
    <col min="9486" max="9727" width="8.875" style="42"/>
    <col min="9728" max="9728" width="2.75" style="42" customWidth="1"/>
    <col min="9729" max="9730" width="14.375" style="42" customWidth="1"/>
    <col min="9731" max="9737" width="5.125" style="42" customWidth="1"/>
    <col min="9738" max="9738" width="84.625" style="42" customWidth="1"/>
    <col min="9739" max="9739" width="23.875" style="42" customWidth="1"/>
    <col min="9740" max="9740" width="12.5" style="42" customWidth="1"/>
    <col min="9741" max="9741" width="3.375" style="42" customWidth="1"/>
    <col min="9742" max="9983" width="8.875" style="42"/>
    <col min="9984" max="9984" width="2.75" style="42" customWidth="1"/>
    <col min="9985" max="9986" width="14.375" style="42" customWidth="1"/>
    <col min="9987" max="9993" width="5.125" style="42" customWidth="1"/>
    <col min="9994" max="9994" width="84.625" style="42" customWidth="1"/>
    <col min="9995" max="9995" width="23.875" style="42" customWidth="1"/>
    <col min="9996" max="9996" width="12.5" style="42" customWidth="1"/>
    <col min="9997" max="9997" width="3.375" style="42" customWidth="1"/>
    <col min="9998" max="10239" width="8.875" style="42"/>
    <col min="10240" max="10240" width="2.75" style="42" customWidth="1"/>
    <col min="10241" max="10242" width="14.375" style="42" customWidth="1"/>
    <col min="10243" max="10249" width="5.125" style="42" customWidth="1"/>
    <col min="10250" max="10250" width="84.625" style="42" customWidth="1"/>
    <col min="10251" max="10251" width="23.875" style="42" customWidth="1"/>
    <col min="10252" max="10252" width="12.5" style="42" customWidth="1"/>
    <col min="10253" max="10253" width="3.375" style="42" customWidth="1"/>
    <col min="10254" max="10495" width="8.875" style="42"/>
    <col min="10496" max="10496" width="2.75" style="42" customWidth="1"/>
    <col min="10497" max="10498" width="14.375" style="42" customWidth="1"/>
    <col min="10499" max="10505" width="5.125" style="42" customWidth="1"/>
    <col min="10506" max="10506" width="84.625" style="42" customWidth="1"/>
    <col min="10507" max="10507" width="23.875" style="42" customWidth="1"/>
    <col min="10508" max="10508" width="12.5" style="42" customWidth="1"/>
    <col min="10509" max="10509" width="3.375" style="42" customWidth="1"/>
    <col min="10510" max="10751" width="8.875" style="42"/>
    <col min="10752" max="10752" width="2.75" style="42" customWidth="1"/>
    <col min="10753" max="10754" width="14.375" style="42" customWidth="1"/>
    <col min="10755" max="10761" width="5.125" style="42" customWidth="1"/>
    <col min="10762" max="10762" width="84.625" style="42" customWidth="1"/>
    <col min="10763" max="10763" width="23.875" style="42" customWidth="1"/>
    <col min="10764" max="10764" width="12.5" style="42" customWidth="1"/>
    <col min="10765" max="10765" width="3.375" style="42" customWidth="1"/>
    <col min="10766" max="11007" width="8.875" style="42"/>
    <col min="11008" max="11008" width="2.75" style="42" customWidth="1"/>
    <col min="11009" max="11010" width="14.375" style="42" customWidth="1"/>
    <col min="11011" max="11017" width="5.125" style="42" customWidth="1"/>
    <col min="11018" max="11018" width="84.625" style="42" customWidth="1"/>
    <col min="11019" max="11019" width="23.875" style="42" customWidth="1"/>
    <col min="11020" max="11020" width="12.5" style="42" customWidth="1"/>
    <col min="11021" max="11021" width="3.375" style="42" customWidth="1"/>
    <col min="11022" max="11263" width="8.875" style="42"/>
    <col min="11264" max="11264" width="2.75" style="42" customWidth="1"/>
    <col min="11265" max="11266" width="14.375" style="42" customWidth="1"/>
    <col min="11267" max="11273" width="5.125" style="42" customWidth="1"/>
    <col min="11274" max="11274" width="84.625" style="42" customWidth="1"/>
    <col min="11275" max="11275" width="23.875" style="42" customWidth="1"/>
    <col min="11276" max="11276" width="12.5" style="42" customWidth="1"/>
    <col min="11277" max="11277" width="3.375" style="42" customWidth="1"/>
    <col min="11278" max="11519" width="8.875" style="42"/>
    <col min="11520" max="11520" width="2.75" style="42" customWidth="1"/>
    <col min="11521" max="11522" width="14.375" style="42" customWidth="1"/>
    <col min="11523" max="11529" width="5.125" style="42" customWidth="1"/>
    <col min="11530" max="11530" width="84.625" style="42" customWidth="1"/>
    <col min="11531" max="11531" width="23.875" style="42" customWidth="1"/>
    <col min="11532" max="11532" width="12.5" style="42" customWidth="1"/>
    <col min="11533" max="11533" width="3.375" style="42" customWidth="1"/>
    <col min="11534" max="11775" width="8.875" style="42"/>
    <col min="11776" max="11776" width="2.75" style="42" customWidth="1"/>
    <col min="11777" max="11778" width="14.375" style="42" customWidth="1"/>
    <col min="11779" max="11785" width="5.125" style="42" customWidth="1"/>
    <col min="11786" max="11786" width="84.625" style="42" customWidth="1"/>
    <col min="11787" max="11787" width="23.875" style="42" customWidth="1"/>
    <col min="11788" max="11788" width="12.5" style="42" customWidth="1"/>
    <col min="11789" max="11789" width="3.375" style="42" customWidth="1"/>
    <col min="11790" max="12031" width="8.875" style="42"/>
    <col min="12032" max="12032" width="2.75" style="42" customWidth="1"/>
    <col min="12033" max="12034" width="14.375" style="42" customWidth="1"/>
    <col min="12035" max="12041" width="5.125" style="42" customWidth="1"/>
    <col min="12042" max="12042" width="84.625" style="42" customWidth="1"/>
    <col min="12043" max="12043" width="23.875" style="42" customWidth="1"/>
    <col min="12044" max="12044" width="12.5" style="42" customWidth="1"/>
    <col min="12045" max="12045" width="3.375" style="42" customWidth="1"/>
    <col min="12046" max="12287" width="8.875" style="42"/>
    <col min="12288" max="12288" width="2.75" style="42" customWidth="1"/>
    <col min="12289" max="12290" width="14.375" style="42" customWidth="1"/>
    <col min="12291" max="12297" width="5.125" style="42" customWidth="1"/>
    <col min="12298" max="12298" width="84.625" style="42" customWidth="1"/>
    <col min="12299" max="12299" width="23.875" style="42" customWidth="1"/>
    <col min="12300" max="12300" width="12.5" style="42" customWidth="1"/>
    <col min="12301" max="12301" width="3.375" style="42" customWidth="1"/>
    <col min="12302" max="12543" width="8.875" style="42"/>
    <col min="12544" max="12544" width="2.75" style="42" customWidth="1"/>
    <col min="12545" max="12546" width="14.375" style="42" customWidth="1"/>
    <col min="12547" max="12553" width="5.125" style="42" customWidth="1"/>
    <col min="12554" max="12554" width="84.625" style="42" customWidth="1"/>
    <col min="12555" max="12555" width="23.875" style="42" customWidth="1"/>
    <col min="12556" max="12556" width="12.5" style="42" customWidth="1"/>
    <col min="12557" max="12557" width="3.375" style="42" customWidth="1"/>
    <col min="12558" max="12799" width="8.875" style="42"/>
    <col min="12800" max="12800" width="2.75" style="42" customWidth="1"/>
    <col min="12801" max="12802" width="14.375" style="42" customWidth="1"/>
    <col min="12803" max="12809" width="5.125" style="42" customWidth="1"/>
    <col min="12810" max="12810" width="84.625" style="42" customWidth="1"/>
    <col min="12811" max="12811" width="23.875" style="42" customWidth="1"/>
    <col min="12812" max="12812" width="12.5" style="42" customWidth="1"/>
    <col min="12813" max="12813" width="3.375" style="42" customWidth="1"/>
    <col min="12814" max="13055" width="8.875" style="42"/>
    <col min="13056" max="13056" width="2.75" style="42" customWidth="1"/>
    <col min="13057" max="13058" width="14.375" style="42" customWidth="1"/>
    <col min="13059" max="13065" width="5.125" style="42" customWidth="1"/>
    <col min="13066" max="13066" width="84.625" style="42" customWidth="1"/>
    <col min="13067" max="13067" width="23.875" style="42" customWidth="1"/>
    <col min="13068" max="13068" width="12.5" style="42" customWidth="1"/>
    <col min="13069" max="13069" width="3.375" style="42" customWidth="1"/>
    <col min="13070" max="13311" width="8.875" style="42"/>
    <col min="13312" max="13312" width="2.75" style="42" customWidth="1"/>
    <col min="13313" max="13314" width="14.375" style="42" customWidth="1"/>
    <col min="13315" max="13321" width="5.125" style="42" customWidth="1"/>
    <col min="13322" max="13322" width="84.625" style="42" customWidth="1"/>
    <col min="13323" max="13323" width="23.875" style="42" customWidth="1"/>
    <col min="13324" max="13324" width="12.5" style="42" customWidth="1"/>
    <col min="13325" max="13325" width="3.375" style="42" customWidth="1"/>
    <col min="13326" max="13567" width="8.875" style="42"/>
    <col min="13568" max="13568" width="2.75" style="42" customWidth="1"/>
    <col min="13569" max="13570" width="14.375" style="42" customWidth="1"/>
    <col min="13571" max="13577" width="5.125" style="42" customWidth="1"/>
    <col min="13578" max="13578" width="84.625" style="42" customWidth="1"/>
    <col min="13579" max="13579" width="23.875" style="42" customWidth="1"/>
    <col min="13580" max="13580" width="12.5" style="42" customWidth="1"/>
    <col min="13581" max="13581" width="3.375" style="42" customWidth="1"/>
    <col min="13582" max="13823" width="8.875" style="42"/>
    <col min="13824" max="13824" width="2.75" style="42" customWidth="1"/>
    <col min="13825" max="13826" width="14.375" style="42" customWidth="1"/>
    <col min="13827" max="13833" width="5.125" style="42" customWidth="1"/>
    <col min="13834" max="13834" width="84.625" style="42" customWidth="1"/>
    <col min="13835" max="13835" width="23.875" style="42" customWidth="1"/>
    <col min="13836" max="13836" width="12.5" style="42" customWidth="1"/>
    <col min="13837" max="13837" width="3.375" style="42" customWidth="1"/>
    <col min="13838" max="14079" width="8.875" style="42"/>
    <col min="14080" max="14080" width="2.75" style="42" customWidth="1"/>
    <col min="14081" max="14082" width="14.375" style="42" customWidth="1"/>
    <col min="14083" max="14089" width="5.125" style="42" customWidth="1"/>
    <col min="14090" max="14090" width="84.625" style="42" customWidth="1"/>
    <col min="14091" max="14091" width="23.875" style="42" customWidth="1"/>
    <col min="14092" max="14092" width="12.5" style="42" customWidth="1"/>
    <col min="14093" max="14093" width="3.375" style="42" customWidth="1"/>
    <col min="14094" max="14335" width="8.875" style="42"/>
    <col min="14336" max="14336" width="2.75" style="42" customWidth="1"/>
    <col min="14337" max="14338" width="14.375" style="42" customWidth="1"/>
    <col min="14339" max="14345" width="5.125" style="42" customWidth="1"/>
    <col min="14346" max="14346" width="84.625" style="42" customWidth="1"/>
    <col min="14347" max="14347" width="23.875" style="42" customWidth="1"/>
    <col min="14348" max="14348" width="12.5" style="42" customWidth="1"/>
    <col min="14349" max="14349" width="3.375" style="42" customWidth="1"/>
    <col min="14350" max="14591" width="8.875" style="42"/>
    <col min="14592" max="14592" width="2.75" style="42" customWidth="1"/>
    <col min="14593" max="14594" width="14.375" style="42" customWidth="1"/>
    <col min="14595" max="14601" width="5.125" style="42" customWidth="1"/>
    <col min="14602" max="14602" width="84.625" style="42" customWidth="1"/>
    <col min="14603" max="14603" width="23.875" style="42" customWidth="1"/>
    <col min="14604" max="14604" width="12.5" style="42" customWidth="1"/>
    <col min="14605" max="14605" width="3.375" style="42" customWidth="1"/>
    <col min="14606" max="14847" width="8.875" style="42"/>
    <col min="14848" max="14848" width="2.75" style="42" customWidth="1"/>
    <col min="14849" max="14850" width="14.375" style="42" customWidth="1"/>
    <col min="14851" max="14857" width="5.125" style="42" customWidth="1"/>
    <col min="14858" max="14858" width="84.625" style="42" customWidth="1"/>
    <col min="14859" max="14859" width="23.875" style="42" customWidth="1"/>
    <col min="14860" max="14860" width="12.5" style="42" customWidth="1"/>
    <col min="14861" max="14861" width="3.375" style="42" customWidth="1"/>
    <col min="14862" max="15103" width="8.875" style="42"/>
    <col min="15104" max="15104" width="2.75" style="42" customWidth="1"/>
    <col min="15105" max="15106" width="14.375" style="42" customWidth="1"/>
    <col min="15107" max="15113" width="5.125" style="42" customWidth="1"/>
    <col min="15114" max="15114" width="84.625" style="42" customWidth="1"/>
    <col min="15115" max="15115" width="23.875" style="42" customWidth="1"/>
    <col min="15116" max="15116" width="12.5" style="42" customWidth="1"/>
    <col min="15117" max="15117" width="3.375" style="42" customWidth="1"/>
    <col min="15118" max="15359" width="8.875" style="42"/>
    <col min="15360" max="15360" width="2.75" style="42" customWidth="1"/>
    <col min="15361" max="15362" width="14.375" style="42" customWidth="1"/>
    <col min="15363" max="15369" width="5.125" style="42" customWidth="1"/>
    <col min="15370" max="15370" width="84.625" style="42" customWidth="1"/>
    <col min="15371" max="15371" width="23.875" style="42" customWidth="1"/>
    <col min="15372" max="15372" width="12.5" style="42" customWidth="1"/>
    <col min="15373" max="15373" width="3.375" style="42" customWidth="1"/>
    <col min="15374" max="15615" width="8.875" style="42"/>
    <col min="15616" max="15616" width="2.75" style="42" customWidth="1"/>
    <col min="15617" max="15618" width="14.375" style="42" customWidth="1"/>
    <col min="15619" max="15625" width="5.125" style="42" customWidth="1"/>
    <col min="15626" max="15626" width="84.625" style="42" customWidth="1"/>
    <col min="15627" max="15627" width="23.875" style="42" customWidth="1"/>
    <col min="15628" max="15628" width="12.5" style="42" customWidth="1"/>
    <col min="15629" max="15629" width="3.375" style="42" customWidth="1"/>
    <col min="15630" max="15871" width="8.875" style="42"/>
    <col min="15872" max="15872" width="2.75" style="42" customWidth="1"/>
    <col min="15873" max="15874" width="14.375" style="42" customWidth="1"/>
    <col min="15875" max="15881" width="5.125" style="42" customWidth="1"/>
    <col min="15882" max="15882" width="84.625" style="42" customWidth="1"/>
    <col min="15883" max="15883" width="23.875" style="42" customWidth="1"/>
    <col min="15884" max="15884" width="12.5" style="42" customWidth="1"/>
    <col min="15885" max="15885" width="3.375" style="42" customWidth="1"/>
    <col min="15886" max="16127" width="8.875" style="42"/>
    <col min="16128" max="16128" width="2.75" style="42" customWidth="1"/>
    <col min="16129" max="16130" width="14.375" style="42" customWidth="1"/>
    <col min="16131" max="16137" width="5.125" style="42" customWidth="1"/>
    <col min="16138" max="16138" width="84.625" style="42" customWidth="1"/>
    <col min="16139" max="16139" width="23.875" style="42" customWidth="1"/>
    <col min="16140" max="16140" width="12.5" style="42" customWidth="1"/>
    <col min="16141" max="16141" width="3.375" style="42" customWidth="1"/>
    <col min="16142" max="16384" width="8.875" style="42"/>
  </cols>
  <sheetData>
    <row r="1" spans="1:13" ht="22.5" customHeight="1" x14ac:dyDescent="0.15">
      <c r="A1" s="144" t="s">
        <v>88</v>
      </c>
      <c r="B1" s="144"/>
      <c r="C1" s="144"/>
      <c r="D1" s="144"/>
      <c r="E1" s="144"/>
      <c r="F1" s="144"/>
      <c r="G1" s="144"/>
      <c r="H1" s="144"/>
      <c r="I1" s="144"/>
      <c r="J1" s="144"/>
      <c r="K1" s="144"/>
      <c r="L1" s="144"/>
      <c r="M1" s="144"/>
    </row>
    <row r="2" spans="1:13" ht="22.5" customHeight="1" x14ac:dyDescent="0.15">
      <c r="A2" s="144" t="s">
        <v>89</v>
      </c>
      <c r="B2" s="144"/>
      <c r="C2" s="144"/>
      <c r="D2" s="144"/>
      <c r="E2" s="144"/>
      <c r="F2" s="144"/>
      <c r="G2" s="144"/>
      <c r="H2" s="144"/>
      <c r="I2" s="144"/>
      <c r="J2" s="144"/>
      <c r="K2" s="144"/>
      <c r="L2" s="144"/>
      <c r="M2" s="144"/>
    </row>
    <row r="3" spans="1:13" ht="7.5" customHeight="1" x14ac:dyDescent="0.15">
      <c r="A3" s="43"/>
      <c r="B3" s="43"/>
      <c r="C3" s="43"/>
      <c r="D3" s="43"/>
      <c r="E3" s="43"/>
      <c r="F3" s="43"/>
      <c r="G3" s="43"/>
      <c r="H3" s="43"/>
      <c r="I3" s="43"/>
      <c r="J3" s="43"/>
      <c r="K3" s="43"/>
      <c r="L3" s="43"/>
      <c r="M3" s="43"/>
    </row>
    <row r="4" spans="1:13" s="45" customFormat="1" ht="18.75" customHeight="1" x14ac:dyDescent="0.15">
      <c r="A4" s="44"/>
      <c r="B4" s="143"/>
      <c r="C4" s="143"/>
      <c r="D4" s="143" t="s">
        <v>90</v>
      </c>
      <c r="E4" s="143"/>
      <c r="F4" s="143"/>
      <c r="G4" s="143"/>
      <c r="H4" s="143"/>
      <c r="I4" s="143"/>
      <c r="J4" s="47" t="s">
        <v>146</v>
      </c>
      <c r="K4" s="44" t="s">
        <v>91</v>
      </c>
      <c r="L4" s="143"/>
      <c r="M4" s="143"/>
    </row>
    <row r="5" spans="1:13" s="45" customFormat="1" ht="7.5" customHeight="1" x14ac:dyDescent="0.15">
      <c r="A5" s="44"/>
      <c r="B5" s="44"/>
      <c r="C5" s="44"/>
      <c r="D5" s="44"/>
      <c r="E5" s="44"/>
      <c r="F5" s="44"/>
      <c r="G5" s="44"/>
      <c r="H5" s="46"/>
      <c r="I5" s="44"/>
      <c r="J5" s="44"/>
      <c r="K5" s="44"/>
      <c r="L5" s="44"/>
      <c r="M5" s="44"/>
    </row>
    <row r="6" spans="1:13" s="45" customFormat="1" ht="18.75" customHeight="1" x14ac:dyDescent="0.15">
      <c r="A6" s="145" t="s">
        <v>92</v>
      </c>
      <c r="B6" s="145"/>
      <c r="C6" s="145"/>
      <c r="D6" s="145"/>
      <c r="E6" s="145"/>
      <c r="F6" s="145"/>
      <c r="G6" s="145"/>
      <c r="H6" s="145"/>
      <c r="I6" s="145"/>
      <c r="J6" s="145"/>
      <c r="K6" s="145"/>
      <c r="L6" s="145"/>
      <c r="M6" s="145"/>
    </row>
    <row r="7" spans="1:13" s="45" customFormat="1" ht="14.25" customHeight="1" x14ac:dyDescent="0.15">
      <c r="A7" s="146" t="s">
        <v>93</v>
      </c>
      <c r="B7" s="146"/>
      <c r="C7" s="47"/>
      <c r="D7" s="47"/>
      <c r="E7" s="47"/>
      <c r="F7" s="44"/>
      <c r="G7" s="44"/>
      <c r="H7" s="46"/>
      <c r="I7" s="44"/>
      <c r="J7" s="44"/>
      <c r="K7" s="44"/>
      <c r="L7" s="44"/>
      <c r="M7" s="44"/>
    </row>
    <row r="8" spans="1:13" s="45" customFormat="1" ht="18.75" customHeight="1" x14ac:dyDescent="0.15">
      <c r="A8" s="44"/>
      <c r="B8" s="142" t="s">
        <v>94</v>
      </c>
      <c r="C8" s="142"/>
      <c r="D8" s="142"/>
      <c r="E8" s="47"/>
      <c r="F8" s="142" t="s">
        <v>0</v>
      </c>
      <c r="G8" s="142"/>
      <c r="H8" s="142"/>
      <c r="I8" s="47"/>
      <c r="J8" s="88"/>
      <c r="K8" s="47" t="s">
        <v>95</v>
      </c>
      <c r="L8" s="145" t="s">
        <v>154</v>
      </c>
      <c r="M8" s="145"/>
    </row>
    <row r="9" spans="1:13" s="45" customFormat="1" ht="18.75" customHeight="1" x14ac:dyDescent="0.15">
      <c r="A9" s="44"/>
      <c r="B9" s="48"/>
      <c r="C9" s="48"/>
      <c r="D9" s="49"/>
      <c r="E9" s="47"/>
      <c r="F9" s="142" t="s">
        <v>96</v>
      </c>
      <c r="G9" s="142"/>
      <c r="H9" s="142"/>
      <c r="I9" s="47"/>
      <c r="J9" s="47"/>
      <c r="K9" s="47"/>
      <c r="L9" s="47"/>
      <c r="M9" s="48"/>
    </row>
    <row r="10" spans="1:13" s="45" customFormat="1" ht="18.75" customHeight="1" x14ac:dyDescent="0.15">
      <c r="B10" s="50"/>
      <c r="C10" s="50"/>
      <c r="D10" s="50"/>
      <c r="E10" s="142" t="s">
        <v>97</v>
      </c>
      <c r="F10" s="142"/>
      <c r="G10" s="142"/>
      <c r="H10" s="142"/>
      <c r="I10" s="47"/>
      <c r="J10" s="143" t="s">
        <v>155</v>
      </c>
      <c r="K10" s="143"/>
      <c r="L10" s="51"/>
      <c r="M10" s="52"/>
    </row>
    <row r="11" spans="1:13" ht="11.25" customHeight="1" x14ac:dyDescent="0.15">
      <c r="B11" s="53"/>
      <c r="C11" s="53"/>
      <c r="D11" s="53"/>
      <c r="E11" s="53"/>
      <c r="F11" s="53"/>
      <c r="G11" s="53"/>
      <c r="H11" s="53"/>
      <c r="I11" s="53"/>
      <c r="J11" s="54"/>
      <c r="K11" s="54"/>
      <c r="L11" s="54"/>
      <c r="M11" s="55"/>
    </row>
    <row r="12" spans="1:13" s="45" customFormat="1" ht="13.5" customHeight="1" x14ac:dyDescent="0.15">
      <c r="A12" s="147" t="s">
        <v>44</v>
      </c>
      <c r="B12" s="147"/>
      <c r="C12" s="147"/>
      <c r="D12" s="147"/>
      <c r="E12" s="147"/>
      <c r="F12" s="147"/>
      <c r="G12" s="147"/>
      <c r="H12" s="147"/>
      <c r="I12" s="147"/>
      <c r="J12" s="147"/>
      <c r="K12" s="147"/>
      <c r="L12" s="147"/>
      <c r="M12" s="147"/>
    </row>
    <row r="13" spans="1:13" s="45" customFormat="1" ht="15" customHeight="1" x14ac:dyDescent="0.15">
      <c r="A13" s="148" t="s">
        <v>45</v>
      </c>
      <c r="B13" s="149"/>
      <c r="C13" s="150"/>
      <c r="D13" s="148" t="s">
        <v>38</v>
      </c>
      <c r="E13" s="149"/>
      <c r="F13" s="149"/>
      <c r="G13" s="149"/>
      <c r="H13" s="150"/>
      <c r="I13" s="151" t="s">
        <v>98</v>
      </c>
      <c r="J13" s="151"/>
      <c r="K13" s="151"/>
      <c r="L13" s="151"/>
      <c r="M13" s="151"/>
    </row>
    <row r="14" spans="1:13" s="45" customFormat="1" ht="26.25" customHeight="1" x14ac:dyDescent="0.15">
      <c r="A14" s="152" t="s">
        <v>156</v>
      </c>
      <c r="B14" s="153"/>
      <c r="C14" s="154"/>
      <c r="D14" s="155" t="s">
        <v>157</v>
      </c>
      <c r="E14" s="156"/>
      <c r="F14" s="156"/>
      <c r="G14" s="156"/>
      <c r="H14" s="157"/>
      <c r="I14" s="158" t="s">
        <v>147</v>
      </c>
      <c r="J14" s="159"/>
      <c r="K14" s="159"/>
      <c r="L14" s="159"/>
      <c r="M14" s="160"/>
    </row>
    <row r="15" spans="1:13" s="45" customFormat="1" ht="7.5" customHeight="1" x14ac:dyDescent="0.15">
      <c r="A15" s="44"/>
      <c r="B15" s="56"/>
      <c r="C15" s="56"/>
      <c r="D15" s="56"/>
      <c r="E15" s="56"/>
      <c r="F15" s="56"/>
      <c r="G15" s="56"/>
      <c r="H15" s="57"/>
      <c r="I15" s="58"/>
      <c r="J15" s="58"/>
      <c r="K15" s="58"/>
      <c r="L15" s="58"/>
    </row>
    <row r="16" spans="1:13" s="45" customFormat="1" ht="27" customHeight="1" x14ac:dyDescent="0.15">
      <c r="A16" s="161" t="s">
        <v>99</v>
      </c>
      <c r="B16" s="161"/>
      <c r="C16" s="161"/>
      <c r="D16" s="161"/>
      <c r="E16" s="161"/>
      <c r="F16" s="161"/>
      <c r="G16" s="161"/>
      <c r="H16" s="161"/>
      <c r="I16" s="161"/>
      <c r="J16" s="161"/>
      <c r="K16" s="161"/>
      <c r="L16" s="161"/>
      <c r="M16" s="161"/>
    </row>
    <row r="17" spans="1:13" s="45" customFormat="1" ht="13.5" customHeight="1" x14ac:dyDescent="0.15">
      <c r="A17" s="162" t="s">
        <v>46</v>
      </c>
      <c r="B17" s="163"/>
      <c r="C17" s="166" t="s">
        <v>39</v>
      </c>
      <c r="D17" s="167"/>
      <c r="E17" s="168"/>
      <c r="F17" s="166" t="s">
        <v>40</v>
      </c>
      <c r="G17" s="169"/>
      <c r="H17" s="168"/>
      <c r="I17" s="170" t="s">
        <v>47</v>
      </c>
      <c r="J17" s="171"/>
      <c r="K17" s="171"/>
      <c r="L17" s="171"/>
      <c r="M17" s="172"/>
    </row>
    <row r="18" spans="1:13" s="45" customFormat="1" ht="13.5" customHeight="1" x14ac:dyDescent="0.15">
      <c r="A18" s="164"/>
      <c r="B18" s="165"/>
      <c r="C18" s="59" t="s">
        <v>48</v>
      </c>
      <c r="D18" s="60" t="s">
        <v>49</v>
      </c>
      <c r="E18" s="59" t="s">
        <v>100</v>
      </c>
      <c r="F18" s="59" t="s">
        <v>48</v>
      </c>
      <c r="G18" s="60" t="s">
        <v>101</v>
      </c>
      <c r="H18" s="59" t="s">
        <v>100</v>
      </c>
      <c r="I18" s="173"/>
      <c r="J18" s="174"/>
      <c r="K18" s="174"/>
      <c r="L18" s="174"/>
      <c r="M18" s="175"/>
    </row>
    <row r="19" spans="1:13" s="45" customFormat="1" ht="13.5" customHeight="1" x14ac:dyDescent="0.15">
      <c r="A19" s="176" t="s">
        <v>102</v>
      </c>
      <c r="B19" s="177"/>
      <c r="C19" s="61"/>
      <c r="D19" s="62"/>
      <c r="E19" s="61"/>
      <c r="F19" s="61"/>
      <c r="G19" s="61"/>
      <c r="H19" s="63"/>
      <c r="I19" s="89" t="s">
        <v>103</v>
      </c>
      <c r="J19" s="182" t="s">
        <v>104</v>
      </c>
      <c r="K19" s="183"/>
      <c r="L19" s="183"/>
      <c r="M19" s="184"/>
    </row>
    <row r="20" spans="1:13" s="45" customFormat="1" ht="13.5" customHeight="1" x14ac:dyDescent="0.15">
      <c r="A20" s="178"/>
      <c r="B20" s="179"/>
      <c r="C20" s="64"/>
      <c r="D20" s="65"/>
      <c r="E20" s="64"/>
      <c r="F20" s="64"/>
      <c r="G20" s="64"/>
      <c r="H20" s="66"/>
      <c r="I20" s="90" t="s">
        <v>105</v>
      </c>
      <c r="J20" s="185" t="s">
        <v>106</v>
      </c>
      <c r="K20" s="186"/>
      <c r="L20" s="186"/>
      <c r="M20" s="187"/>
    </row>
    <row r="21" spans="1:13" s="45" customFormat="1" ht="13.5" customHeight="1" x14ac:dyDescent="0.15">
      <c r="A21" s="178"/>
      <c r="B21" s="179"/>
      <c r="C21" s="64"/>
      <c r="D21" s="65"/>
      <c r="E21" s="64"/>
      <c r="F21" s="64"/>
      <c r="G21" s="64"/>
      <c r="H21" s="66"/>
      <c r="I21" s="90" t="s">
        <v>107</v>
      </c>
      <c r="J21" s="185" t="s">
        <v>108</v>
      </c>
      <c r="K21" s="186"/>
      <c r="L21" s="186"/>
      <c r="M21" s="187"/>
    </row>
    <row r="22" spans="1:13" s="45" customFormat="1" ht="13.5" customHeight="1" x14ac:dyDescent="0.15">
      <c r="A22" s="178"/>
      <c r="B22" s="179"/>
      <c r="C22" s="64"/>
      <c r="D22" s="65"/>
      <c r="E22" s="64"/>
      <c r="F22" s="64"/>
      <c r="G22" s="64"/>
      <c r="H22" s="66"/>
      <c r="I22" s="90" t="s">
        <v>109</v>
      </c>
      <c r="J22" s="185" t="s">
        <v>110</v>
      </c>
      <c r="K22" s="186"/>
      <c r="L22" s="186"/>
      <c r="M22" s="187"/>
    </row>
    <row r="23" spans="1:13" s="45" customFormat="1" ht="13.5" customHeight="1" x14ac:dyDescent="0.15">
      <c r="A23" s="178"/>
      <c r="B23" s="179"/>
      <c r="C23" s="67"/>
      <c r="D23" s="68"/>
      <c r="E23" s="67"/>
      <c r="F23" s="67"/>
      <c r="G23" s="67"/>
      <c r="H23" s="69"/>
      <c r="I23" s="90" t="s">
        <v>111</v>
      </c>
      <c r="J23" s="185" t="s">
        <v>112</v>
      </c>
      <c r="K23" s="186"/>
      <c r="L23" s="186"/>
      <c r="M23" s="187"/>
    </row>
    <row r="24" spans="1:13" s="45" customFormat="1" ht="13.5" customHeight="1" x14ac:dyDescent="0.15">
      <c r="A24" s="178"/>
      <c r="B24" s="179"/>
      <c r="C24" s="67"/>
      <c r="D24" s="68"/>
      <c r="E24" s="67"/>
      <c r="F24" s="67"/>
      <c r="G24" s="67"/>
      <c r="H24" s="69"/>
      <c r="I24" s="90" t="s">
        <v>113</v>
      </c>
      <c r="J24" s="185" t="s">
        <v>114</v>
      </c>
      <c r="K24" s="186"/>
      <c r="L24" s="186"/>
      <c r="M24" s="187"/>
    </row>
    <row r="25" spans="1:13" s="45" customFormat="1" ht="13.5" customHeight="1" x14ac:dyDescent="0.15">
      <c r="A25" s="180"/>
      <c r="B25" s="181"/>
      <c r="C25" s="70"/>
      <c r="D25" s="71"/>
      <c r="E25" s="70"/>
      <c r="F25" s="70"/>
      <c r="G25" s="70"/>
      <c r="H25" s="72"/>
      <c r="I25" s="90" t="s">
        <v>115</v>
      </c>
      <c r="J25" s="188" t="s">
        <v>116</v>
      </c>
      <c r="K25" s="189"/>
      <c r="L25" s="189"/>
      <c r="M25" s="190"/>
    </row>
    <row r="26" spans="1:13" s="45" customFormat="1" ht="13.5" customHeight="1" x14ac:dyDescent="0.15">
      <c r="A26" s="191" t="s">
        <v>50</v>
      </c>
      <c r="B26" s="192"/>
      <c r="C26" s="192"/>
      <c r="D26" s="192"/>
      <c r="E26" s="192"/>
      <c r="F26" s="192"/>
      <c r="G26" s="192"/>
      <c r="H26" s="192"/>
      <c r="I26" s="192"/>
      <c r="J26" s="192"/>
      <c r="K26" s="192"/>
      <c r="L26" s="192"/>
      <c r="M26" s="193"/>
    </row>
    <row r="27" spans="1:13" s="45" customFormat="1" ht="37.5" customHeight="1" x14ac:dyDescent="0.15">
      <c r="A27" s="194"/>
      <c r="B27" s="195"/>
      <c r="C27" s="195"/>
      <c r="D27" s="195"/>
      <c r="E27" s="195"/>
      <c r="F27" s="195"/>
      <c r="G27" s="195"/>
      <c r="H27" s="195"/>
      <c r="I27" s="195"/>
      <c r="J27" s="195"/>
      <c r="K27" s="195"/>
      <c r="L27" s="195"/>
      <c r="M27" s="196"/>
    </row>
    <row r="28" spans="1:13" s="45" customFormat="1" ht="7.5" customHeight="1" x14ac:dyDescent="0.15">
      <c r="A28" s="73"/>
      <c r="B28" s="58"/>
      <c r="C28" s="58"/>
      <c r="D28" s="58"/>
      <c r="E28" s="58"/>
      <c r="F28" s="58"/>
      <c r="G28" s="58"/>
      <c r="H28" s="74"/>
      <c r="I28" s="58"/>
      <c r="J28" s="58"/>
      <c r="K28" s="58"/>
      <c r="L28" s="58"/>
      <c r="M28" s="73"/>
    </row>
    <row r="29" spans="1:13" s="45" customFormat="1" ht="36" customHeight="1" x14ac:dyDescent="0.15">
      <c r="A29" s="161" t="s">
        <v>117</v>
      </c>
      <c r="B29" s="161"/>
      <c r="C29" s="161"/>
      <c r="D29" s="161"/>
      <c r="E29" s="161"/>
      <c r="F29" s="161"/>
      <c r="G29" s="161"/>
      <c r="H29" s="161"/>
      <c r="I29" s="161"/>
      <c r="J29" s="161"/>
      <c r="K29" s="161"/>
      <c r="L29" s="161"/>
      <c r="M29" s="161"/>
    </row>
    <row r="30" spans="1:13" s="45" customFormat="1" ht="13.5" customHeight="1" x14ac:dyDescent="0.15">
      <c r="A30" s="162" t="s">
        <v>46</v>
      </c>
      <c r="B30" s="163"/>
      <c r="C30" s="166" t="s">
        <v>39</v>
      </c>
      <c r="D30" s="167"/>
      <c r="E30" s="168"/>
      <c r="F30" s="166" t="s">
        <v>40</v>
      </c>
      <c r="G30" s="169"/>
      <c r="H30" s="168"/>
      <c r="I30" s="197" t="s">
        <v>118</v>
      </c>
      <c r="J30" s="197"/>
      <c r="K30" s="197"/>
      <c r="L30" s="197"/>
      <c r="M30" s="172" t="s">
        <v>119</v>
      </c>
    </row>
    <row r="31" spans="1:13" s="45" customFormat="1" ht="13.5" customHeight="1" x14ac:dyDescent="0.15">
      <c r="A31" s="164"/>
      <c r="B31" s="165"/>
      <c r="C31" s="59" t="s">
        <v>120</v>
      </c>
      <c r="D31" s="60" t="s">
        <v>121</v>
      </c>
      <c r="E31" s="59" t="s">
        <v>122</v>
      </c>
      <c r="F31" s="59" t="s">
        <v>120</v>
      </c>
      <c r="G31" s="60" t="s">
        <v>121</v>
      </c>
      <c r="H31" s="59" t="s">
        <v>123</v>
      </c>
      <c r="I31" s="197"/>
      <c r="J31" s="197"/>
      <c r="K31" s="197"/>
      <c r="L31" s="197"/>
      <c r="M31" s="175"/>
    </row>
    <row r="32" spans="1:13" s="45" customFormat="1" ht="13.5" customHeight="1" x14ac:dyDescent="0.15">
      <c r="A32" s="176" t="s">
        <v>124</v>
      </c>
      <c r="B32" s="177"/>
      <c r="C32" s="61"/>
      <c r="D32" s="62"/>
      <c r="E32" s="61"/>
      <c r="F32" s="61"/>
      <c r="G32" s="61"/>
      <c r="H32" s="63"/>
      <c r="I32" s="89" t="s">
        <v>125</v>
      </c>
      <c r="J32" s="205" t="s">
        <v>126</v>
      </c>
      <c r="K32" s="206"/>
      <c r="L32" s="207"/>
      <c r="M32" s="75"/>
    </row>
    <row r="33" spans="1:13" s="45" customFormat="1" ht="13.5" customHeight="1" x14ac:dyDescent="0.15">
      <c r="A33" s="178"/>
      <c r="B33" s="179"/>
      <c r="C33" s="64"/>
      <c r="D33" s="65"/>
      <c r="E33" s="64"/>
      <c r="F33" s="64"/>
      <c r="G33" s="64"/>
      <c r="H33" s="66"/>
      <c r="I33" s="90" t="s">
        <v>105</v>
      </c>
      <c r="J33" s="208" t="s">
        <v>127</v>
      </c>
      <c r="K33" s="209"/>
      <c r="L33" s="210"/>
      <c r="M33" s="76"/>
    </row>
    <row r="34" spans="1:13" s="45" customFormat="1" ht="13.5" customHeight="1" x14ac:dyDescent="0.15">
      <c r="A34" s="178"/>
      <c r="B34" s="179"/>
      <c r="C34" s="64"/>
      <c r="D34" s="65"/>
      <c r="E34" s="64"/>
      <c r="F34" s="64"/>
      <c r="G34" s="64"/>
      <c r="H34" s="66"/>
      <c r="I34" s="90" t="s">
        <v>107</v>
      </c>
      <c r="J34" s="208" t="s">
        <v>128</v>
      </c>
      <c r="K34" s="209"/>
      <c r="L34" s="210"/>
      <c r="M34" s="76"/>
    </row>
    <row r="35" spans="1:13" s="45" customFormat="1" ht="13.5" customHeight="1" x14ac:dyDescent="0.15">
      <c r="A35" s="178"/>
      <c r="B35" s="179"/>
      <c r="C35" s="64"/>
      <c r="D35" s="65"/>
      <c r="E35" s="64"/>
      <c r="F35" s="64"/>
      <c r="G35" s="64"/>
      <c r="H35" s="66"/>
      <c r="I35" s="90" t="s">
        <v>109</v>
      </c>
      <c r="J35" s="208" t="s">
        <v>129</v>
      </c>
      <c r="K35" s="209"/>
      <c r="L35" s="210"/>
      <c r="M35" s="76"/>
    </row>
    <row r="36" spans="1:13" s="45" customFormat="1" ht="13.5" customHeight="1" x14ac:dyDescent="0.15">
      <c r="A36" s="180"/>
      <c r="B36" s="181"/>
      <c r="C36" s="70"/>
      <c r="D36" s="71"/>
      <c r="E36" s="70"/>
      <c r="F36" s="70"/>
      <c r="G36" s="70"/>
      <c r="H36" s="72"/>
      <c r="I36" s="92" t="s">
        <v>111</v>
      </c>
      <c r="J36" s="198" t="s">
        <v>130</v>
      </c>
      <c r="K36" s="199"/>
      <c r="L36" s="200"/>
      <c r="M36" s="77"/>
    </row>
    <row r="37" spans="1:13" s="45" customFormat="1" ht="13.5" customHeight="1" x14ac:dyDescent="0.15">
      <c r="A37" s="191" t="s">
        <v>50</v>
      </c>
      <c r="B37" s="192"/>
      <c r="C37" s="192"/>
      <c r="D37" s="192"/>
      <c r="E37" s="192"/>
      <c r="F37" s="192"/>
      <c r="G37" s="192"/>
      <c r="H37" s="192"/>
      <c r="I37" s="192"/>
      <c r="J37" s="192"/>
      <c r="K37" s="192"/>
      <c r="L37" s="192"/>
      <c r="M37" s="193"/>
    </row>
    <row r="38" spans="1:13" s="45" customFormat="1" ht="37.5" customHeight="1" x14ac:dyDescent="0.15">
      <c r="A38" s="194"/>
      <c r="B38" s="195"/>
      <c r="C38" s="195"/>
      <c r="D38" s="195"/>
      <c r="E38" s="195"/>
      <c r="F38" s="195"/>
      <c r="G38" s="195"/>
      <c r="H38" s="195"/>
      <c r="I38" s="195"/>
      <c r="J38" s="195"/>
      <c r="K38" s="195"/>
      <c r="L38" s="195"/>
      <c r="M38" s="196"/>
    </row>
    <row r="39" spans="1:13" s="45" customFormat="1" ht="7.5" customHeight="1" x14ac:dyDescent="0.15">
      <c r="A39" s="78"/>
      <c r="B39" s="78"/>
      <c r="C39" s="78"/>
      <c r="D39" s="78"/>
      <c r="E39" s="79"/>
      <c r="F39" s="79"/>
      <c r="G39" s="79"/>
      <c r="H39" s="79"/>
      <c r="I39" s="80"/>
      <c r="J39" s="81"/>
      <c r="K39" s="81"/>
      <c r="L39" s="81"/>
      <c r="M39" s="81"/>
    </row>
    <row r="40" spans="1:13" s="45" customFormat="1" ht="27" customHeight="1" x14ac:dyDescent="0.15">
      <c r="A40" s="201" t="s">
        <v>131</v>
      </c>
      <c r="B40" s="201"/>
      <c r="C40" s="201"/>
      <c r="D40" s="201"/>
      <c r="E40" s="201"/>
      <c r="F40" s="201"/>
      <c r="G40" s="201"/>
      <c r="H40" s="201"/>
      <c r="I40" s="201"/>
      <c r="J40" s="201"/>
      <c r="K40" s="201"/>
      <c r="L40" s="201"/>
      <c r="M40" s="201"/>
    </row>
    <row r="41" spans="1:13" s="45" customFormat="1" ht="13.5" customHeight="1" x14ac:dyDescent="0.15">
      <c r="A41" s="162" t="s">
        <v>46</v>
      </c>
      <c r="B41" s="163"/>
      <c r="C41" s="166" t="s">
        <v>39</v>
      </c>
      <c r="D41" s="167"/>
      <c r="E41" s="168"/>
      <c r="F41" s="166" t="s">
        <v>40</v>
      </c>
      <c r="G41" s="169"/>
      <c r="H41" s="168"/>
      <c r="I41" s="202" t="s">
        <v>118</v>
      </c>
      <c r="J41" s="202"/>
      <c r="K41" s="202"/>
      <c r="L41" s="202"/>
      <c r="M41" s="203" t="s">
        <v>132</v>
      </c>
    </row>
    <row r="42" spans="1:13" s="45" customFormat="1" ht="13.5" customHeight="1" x14ac:dyDescent="0.15">
      <c r="A42" s="164"/>
      <c r="B42" s="165"/>
      <c r="C42" s="59" t="s">
        <v>120</v>
      </c>
      <c r="D42" s="60" t="s">
        <v>121</v>
      </c>
      <c r="E42" s="59" t="s">
        <v>123</v>
      </c>
      <c r="F42" s="59" t="s">
        <v>120</v>
      </c>
      <c r="G42" s="60" t="s">
        <v>121</v>
      </c>
      <c r="H42" s="59" t="s">
        <v>123</v>
      </c>
      <c r="I42" s="202"/>
      <c r="J42" s="202"/>
      <c r="K42" s="202"/>
      <c r="L42" s="202"/>
      <c r="M42" s="204"/>
    </row>
    <row r="43" spans="1:13" s="45" customFormat="1" ht="13.5" customHeight="1" x14ac:dyDescent="0.15">
      <c r="A43" s="176" t="s">
        <v>133</v>
      </c>
      <c r="B43" s="212"/>
      <c r="C43" s="61"/>
      <c r="D43" s="62"/>
      <c r="E43" s="61"/>
      <c r="F43" s="61"/>
      <c r="G43" s="61"/>
      <c r="H43" s="63"/>
      <c r="I43" s="89" t="s">
        <v>125</v>
      </c>
      <c r="J43" s="217" t="s">
        <v>134</v>
      </c>
      <c r="K43" s="218"/>
      <c r="L43" s="93"/>
      <c r="M43" s="82"/>
    </row>
    <row r="44" spans="1:13" s="45" customFormat="1" ht="13.5" customHeight="1" x14ac:dyDescent="0.15">
      <c r="A44" s="213"/>
      <c r="B44" s="214"/>
      <c r="C44" s="64"/>
      <c r="D44" s="65"/>
      <c r="E44" s="64"/>
      <c r="F44" s="64"/>
      <c r="G44" s="64"/>
      <c r="H44" s="66"/>
      <c r="I44" s="90" t="s">
        <v>105</v>
      </c>
      <c r="J44" s="219" t="s">
        <v>135</v>
      </c>
      <c r="K44" s="220"/>
      <c r="L44" s="93"/>
      <c r="M44" s="76"/>
    </row>
    <row r="45" spans="1:13" s="45" customFormat="1" ht="13.5" customHeight="1" x14ac:dyDescent="0.15">
      <c r="A45" s="213"/>
      <c r="B45" s="214"/>
      <c r="C45" s="67"/>
      <c r="D45" s="68"/>
      <c r="E45" s="67"/>
      <c r="F45" s="67"/>
      <c r="G45" s="67"/>
      <c r="H45" s="69"/>
      <c r="I45" s="91" t="s">
        <v>107</v>
      </c>
      <c r="J45" s="219" t="s">
        <v>136</v>
      </c>
      <c r="K45" s="220"/>
      <c r="L45" s="221"/>
      <c r="M45" s="76"/>
    </row>
    <row r="46" spans="1:13" s="45" customFormat="1" ht="13.5" customHeight="1" x14ac:dyDescent="0.15">
      <c r="A46" s="213"/>
      <c r="B46" s="214"/>
      <c r="C46" s="64"/>
      <c r="D46" s="65"/>
      <c r="E46" s="64"/>
      <c r="F46" s="64"/>
      <c r="G46" s="64"/>
      <c r="H46" s="66"/>
      <c r="I46" s="90" t="s">
        <v>109</v>
      </c>
      <c r="J46" s="219" t="s">
        <v>137</v>
      </c>
      <c r="K46" s="220"/>
      <c r="L46" s="94"/>
      <c r="M46" s="76"/>
    </row>
    <row r="47" spans="1:13" s="45" customFormat="1" ht="13.5" customHeight="1" x14ac:dyDescent="0.15">
      <c r="A47" s="215"/>
      <c r="B47" s="216"/>
      <c r="C47" s="70"/>
      <c r="D47" s="71"/>
      <c r="E47" s="70"/>
      <c r="F47" s="70"/>
      <c r="G47" s="70"/>
      <c r="H47" s="72"/>
      <c r="I47" s="92" t="s">
        <v>111</v>
      </c>
      <c r="J47" s="222" t="s">
        <v>138</v>
      </c>
      <c r="K47" s="223"/>
      <c r="L47" s="224"/>
      <c r="M47" s="83"/>
    </row>
    <row r="48" spans="1:13" s="45" customFormat="1" ht="13.5" customHeight="1" x14ac:dyDescent="0.15">
      <c r="A48" s="191" t="s">
        <v>50</v>
      </c>
      <c r="B48" s="192"/>
      <c r="C48" s="192"/>
      <c r="D48" s="192"/>
      <c r="E48" s="192"/>
      <c r="F48" s="192"/>
      <c r="G48" s="192"/>
      <c r="H48" s="192"/>
      <c r="I48" s="192"/>
      <c r="J48" s="192"/>
      <c r="K48" s="192"/>
      <c r="L48" s="192"/>
      <c r="M48" s="193"/>
    </row>
    <row r="49" spans="1:13" s="45" customFormat="1" ht="37.5" customHeight="1" x14ac:dyDescent="0.15">
      <c r="A49" s="194"/>
      <c r="B49" s="195"/>
      <c r="C49" s="195"/>
      <c r="D49" s="195"/>
      <c r="E49" s="195"/>
      <c r="F49" s="195"/>
      <c r="G49" s="195"/>
      <c r="H49" s="195"/>
      <c r="I49" s="195"/>
      <c r="J49" s="195"/>
      <c r="K49" s="195"/>
      <c r="L49" s="195"/>
      <c r="M49" s="196"/>
    </row>
    <row r="50" spans="1:13" s="45" customFormat="1" ht="15" customHeight="1" x14ac:dyDescent="0.15">
      <c r="A50" s="84" t="s">
        <v>139</v>
      </c>
      <c r="B50" s="58"/>
      <c r="C50" s="58"/>
      <c r="D50" s="58"/>
      <c r="E50" s="58"/>
      <c r="F50" s="58"/>
      <c r="G50" s="58"/>
      <c r="H50" s="74"/>
      <c r="I50" s="58"/>
      <c r="J50" s="58"/>
      <c r="K50" s="58"/>
      <c r="L50" s="58"/>
      <c r="M50" s="73"/>
    </row>
    <row r="51" spans="1:13" ht="52.5" customHeight="1" x14ac:dyDescent="0.15">
      <c r="A51" s="211" t="s">
        <v>140</v>
      </c>
      <c r="B51" s="211"/>
      <c r="C51" s="211"/>
      <c r="D51" s="211"/>
      <c r="E51" s="211"/>
      <c r="F51" s="211"/>
      <c r="G51" s="211"/>
      <c r="H51" s="211"/>
      <c r="I51" s="211"/>
      <c r="J51" s="211"/>
      <c r="K51" s="211"/>
      <c r="L51" s="211"/>
      <c r="M51" s="211"/>
    </row>
    <row r="73" spans="6:10" x14ac:dyDescent="0.15">
      <c r="F73" s="84"/>
      <c r="G73" s="84"/>
      <c r="H73" s="85"/>
      <c r="I73" s="84"/>
      <c r="J73" s="84"/>
    </row>
    <row r="74" spans="6:10" x14ac:dyDescent="0.15">
      <c r="F74" s="84"/>
      <c r="G74" s="84"/>
      <c r="H74" s="85"/>
      <c r="I74" s="84"/>
      <c r="J74" s="84"/>
    </row>
    <row r="75" spans="6:10" x14ac:dyDescent="0.15">
      <c r="F75" s="84"/>
      <c r="G75" s="84"/>
      <c r="H75" s="85"/>
      <c r="I75" s="84"/>
      <c r="J75" s="84"/>
    </row>
    <row r="76" spans="6:10" x14ac:dyDescent="0.15">
      <c r="F76" s="84"/>
      <c r="G76" s="84"/>
      <c r="H76" s="85"/>
      <c r="I76" s="84"/>
      <c r="J76" s="84"/>
    </row>
    <row r="77" spans="6:10" x14ac:dyDescent="0.15">
      <c r="F77" s="84"/>
      <c r="G77" s="84"/>
      <c r="H77" s="85"/>
      <c r="I77" s="84"/>
      <c r="J77" s="84"/>
    </row>
    <row r="78" spans="6:10" x14ac:dyDescent="0.15">
      <c r="F78" s="84"/>
      <c r="G78" s="84"/>
      <c r="H78" s="85"/>
      <c r="I78" s="84"/>
      <c r="J78" s="84"/>
    </row>
    <row r="79" spans="6:10" x14ac:dyDescent="0.15">
      <c r="F79" s="84"/>
      <c r="G79" s="84"/>
      <c r="H79" s="85"/>
      <c r="I79" s="84"/>
      <c r="J79" s="84"/>
    </row>
    <row r="80" spans="6:10" x14ac:dyDescent="0.15">
      <c r="F80" s="84"/>
      <c r="G80" s="84"/>
      <c r="H80" s="85"/>
      <c r="I80" s="84"/>
      <c r="J80" s="84"/>
    </row>
    <row r="81" spans="6:10" x14ac:dyDescent="0.15">
      <c r="F81" s="84"/>
      <c r="G81" s="84"/>
      <c r="H81" s="85"/>
      <c r="I81" s="84"/>
      <c r="J81" s="84"/>
    </row>
    <row r="82" spans="6:10" x14ac:dyDescent="0.15">
      <c r="F82" s="84"/>
      <c r="G82" s="84"/>
      <c r="H82" s="85"/>
      <c r="I82" s="84"/>
      <c r="J82" s="84"/>
    </row>
  </sheetData>
  <mergeCells count="64">
    <mergeCell ref="A48:M48"/>
    <mergeCell ref="A49:M49"/>
    <mergeCell ref="A51:M51"/>
    <mergeCell ref="A43:B47"/>
    <mergeCell ref="J43:K43"/>
    <mergeCell ref="J44:K44"/>
    <mergeCell ref="J45:L45"/>
    <mergeCell ref="J46:K46"/>
    <mergeCell ref="J47:L47"/>
    <mergeCell ref="J36:L36"/>
    <mergeCell ref="A37:M37"/>
    <mergeCell ref="A38:M38"/>
    <mergeCell ref="A40:M40"/>
    <mergeCell ref="A41:B42"/>
    <mergeCell ref="C41:E41"/>
    <mergeCell ref="F41:H41"/>
    <mergeCell ref="I41:L42"/>
    <mergeCell ref="M41:M42"/>
    <mergeCell ref="A32:B36"/>
    <mergeCell ref="J32:L32"/>
    <mergeCell ref="J33:L33"/>
    <mergeCell ref="J34:L34"/>
    <mergeCell ref="J35:L35"/>
    <mergeCell ref="A30:B31"/>
    <mergeCell ref="C30:E30"/>
    <mergeCell ref="F30:H30"/>
    <mergeCell ref="I30:L31"/>
    <mergeCell ref="M30:M31"/>
    <mergeCell ref="A29:M29"/>
    <mergeCell ref="A16:M16"/>
    <mergeCell ref="A17:B18"/>
    <mergeCell ref="C17:E17"/>
    <mergeCell ref="F17:H17"/>
    <mergeCell ref="I17:M18"/>
    <mergeCell ref="A19:B25"/>
    <mergeCell ref="J19:M19"/>
    <mergeCell ref="J20:M20"/>
    <mergeCell ref="J21:M21"/>
    <mergeCell ref="J22:M22"/>
    <mergeCell ref="J23:M23"/>
    <mergeCell ref="J24:M24"/>
    <mergeCell ref="J25:M25"/>
    <mergeCell ref="A26:M26"/>
    <mergeCell ref="A27:M27"/>
    <mergeCell ref="A12:M12"/>
    <mergeCell ref="A13:C13"/>
    <mergeCell ref="D13:H13"/>
    <mergeCell ref="I13:M13"/>
    <mergeCell ref="A14:C14"/>
    <mergeCell ref="D14:H14"/>
    <mergeCell ref="I14:M14"/>
    <mergeCell ref="E10:H10"/>
    <mergeCell ref="J10:K10"/>
    <mergeCell ref="A1:M1"/>
    <mergeCell ref="A2:M2"/>
    <mergeCell ref="B4:C4"/>
    <mergeCell ref="D4:I4"/>
    <mergeCell ref="L4:M4"/>
    <mergeCell ref="A6:M6"/>
    <mergeCell ref="A7:B7"/>
    <mergeCell ref="B8:D8"/>
    <mergeCell ref="F8:H8"/>
    <mergeCell ref="L8:M8"/>
    <mergeCell ref="F9:H9"/>
  </mergeCells>
  <phoneticPr fontId="2"/>
  <dataValidations count="1">
    <dataValidation allowBlank="1" showInputMessage="1" sqref="C19:H25 C32:H36 C43:H47"/>
  </dataValidations>
  <printOptions horizontalCentered="1"/>
  <pageMargins left="0.19685039370078741" right="0.19685039370078741" top="0.19685039370078741" bottom="0.19685039370078741" header="0.31496062992125984" footer="0.31496062992125984"/>
  <pageSetup paperSize="9" scale="98" orientation="portrait" r:id="rId1"/>
  <headerFooter>
    <oddFooter xml:space="preserve">&amp;C&amp;22
</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51"/>
  <sheetViews>
    <sheetView view="pageBreakPreview" zoomScale="90" zoomScaleNormal="100" zoomScaleSheetLayoutView="90" workbookViewId="0">
      <selection activeCell="O25" sqref="N25:O25"/>
    </sheetView>
  </sheetViews>
  <sheetFormatPr defaultRowHeight="13.5" x14ac:dyDescent="0.15"/>
  <cols>
    <col min="1" max="1" width="4.625" customWidth="1"/>
    <col min="15" max="15" width="4.25" customWidth="1"/>
  </cols>
  <sheetData>
    <row r="1" spans="1:15" ht="20.25" customHeight="1" x14ac:dyDescent="0.2">
      <c r="B1" s="225"/>
      <c r="C1" s="225"/>
      <c r="D1" s="225"/>
      <c r="E1" s="225"/>
      <c r="F1" s="225"/>
      <c r="G1" s="225"/>
      <c r="H1" s="225"/>
      <c r="I1" s="225"/>
    </row>
    <row r="2" spans="1:15" ht="41.25" customHeight="1" x14ac:dyDescent="0.2">
      <c r="A2" s="226" t="s">
        <v>51</v>
      </c>
      <c r="B2" s="226"/>
      <c r="C2" s="226"/>
      <c r="D2" s="226"/>
      <c r="E2" s="226"/>
      <c r="F2" s="226"/>
      <c r="G2" s="226"/>
      <c r="H2" s="226"/>
      <c r="I2" s="226"/>
      <c r="J2" s="226"/>
      <c r="K2" s="106"/>
      <c r="L2" s="106"/>
      <c r="M2" s="106"/>
      <c r="N2" s="106"/>
      <c r="O2" s="106"/>
    </row>
    <row r="4" spans="1:15" ht="18" customHeight="1" x14ac:dyDescent="0.15"/>
    <row r="5" spans="1:15" ht="18" customHeight="1" x14ac:dyDescent="0.15">
      <c r="B5" s="1" t="s">
        <v>11</v>
      </c>
    </row>
    <row r="6" spans="1:15" ht="18" customHeight="1" x14ac:dyDescent="0.15">
      <c r="B6" s="1" t="s">
        <v>12</v>
      </c>
    </row>
    <row r="7" spans="1:15" ht="14.25" x14ac:dyDescent="0.15">
      <c r="B7" s="1" t="s">
        <v>13</v>
      </c>
    </row>
    <row r="34" s="2" customFormat="1" ht="17.25" x14ac:dyDescent="0.2"/>
    <row r="35" s="2" customFormat="1" ht="17.25" x14ac:dyDescent="0.2"/>
    <row r="36" s="2" customFormat="1" ht="17.25" x14ac:dyDescent="0.2"/>
    <row r="37" s="2" customFormat="1" ht="17.25" x14ac:dyDescent="0.2"/>
    <row r="38" s="2" customFormat="1" ht="17.25" x14ac:dyDescent="0.2"/>
    <row r="39" s="2" customFormat="1" ht="17.25" x14ac:dyDescent="0.2"/>
    <row r="40" s="2" customFormat="1" ht="17.25" x14ac:dyDescent="0.2"/>
    <row r="41" s="2" customFormat="1" ht="17.25" x14ac:dyDescent="0.2"/>
    <row r="42" s="2" customFormat="1" ht="17.25" x14ac:dyDescent="0.2"/>
    <row r="43" s="2" customFormat="1" ht="17.25" x14ac:dyDescent="0.2"/>
    <row r="44" s="2" customFormat="1" ht="17.25" x14ac:dyDescent="0.2"/>
    <row r="45" s="2" customFormat="1" ht="17.25" x14ac:dyDescent="0.2"/>
    <row r="46" s="2" customFormat="1" ht="17.25" x14ac:dyDescent="0.2"/>
    <row r="47" s="2" customFormat="1" ht="17.25" x14ac:dyDescent="0.2"/>
    <row r="48" s="2" customFormat="1" ht="17.25" x14ac:dyDescent="0.2"/>
    <row r="49" s="2" customFormat="1" ht="17.25" x14ac:dyDescent="0.2"/>
    <row r="50" s="2" customFormat="1" ht="17.25" x14ac:dyDescent="0.2"/>
    <row r="51" s="2" customFormat="1" ht="17.25" x14ac:dyDescent="0.2"/>
  </sheetData>
  <mergeCells count="2">
    <mergeCell ref="B1:I1"/>
    <mergeCell ref="A2:J2"/>
  </mergeCells>
  <phoneticPr fontId="2"/>
  <pageMargins left="0.78700000000000003" right="0.78700000000000003" top="0.98399999999999999" bottom="0.98399999999999999" header="0.51200000000000001" footer="0.51200000000000001"/>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4</vt:i4>
      </vt:variant>
    </vt:vector>
  </HeadingPairs>
  <TitlesOfParts>
    <vt:vector size="13" baseType="lpstr">
      <vt:lpstr>別紙１（委託計画書）</vt:lpstr>
      <vt:lpstr>別紙１（就労計画書）(1)</vt:lpstr>
      <vt:lpstr>別紙１（就労計画書） (2)</vt:lpstr>
      <vt:lpstr>別紙２（出勤状況 ）</vt:lpstr>
      <vt:lpstr>別紙２（出勤状況 ） (2)</vt:lpstr>
      <vt:lpstr>別紙２（出勤状況 ） (3)</vt:lpstr>
      <vt:lpstr>別紙３（日誌）</vt:lpstr>
      <vt:lpstr>別紙４（職業能力証明シート）</vt:lpstr>
      <vt:lpstr>別紙５（災害時連絡網）</vt:lpstr>
      <vt:lpstr>'別紙１（委託計画書）'!Print_Area</vt:lpstr>
      <vt:lpstr>'別紙１（就労計画書） (2)'!Print_Area</vt:lpstr>
      <vt:lpstr>'別紙１（就労計画書）(1)'!Print_Area</vt:lpstr>
      <vt:lpstr>'別紙５（災害時連絡網）'!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企画部情報システム課</dc:creator>
  <cp:lastModifiedBy>user</cp:lastModifiedBy>
  <cp:lastPrinted>2024-03-21T05:01:00Z</cp:lastPrinted>
  <dcterms:created xsi:type="dcterms:W3CDTF">2005-01-18T04:00:55Z</dcterms:created>
  <dcterms:modified xsi:type="dcterms:W3CDTF">2024-03-21T05:58:00Z</dcterms:modified>
</cp:coreProperties>
</file>